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1_258. Operačný stôl\SW_Josephine\"/>
    </mc:Choice>
  </mc:AlternateContent>
  <bookViews>
    <workbookView xWindow="0" yWindow="0" windowWidth="28800" windowHeight="11835" tabRatio="727" activeTab="6"/>
  </bookViews>
  <sheets>
    <sheet name="Príloha č. 1" sheetId="1" r:id="rId1"/>
    <sheet name="Príloha č. 2" sheetId="19" r:id="rId2"/>
    <sheet name="Príloha č. 3" sheetId="29" r:id="rId3"/>
    <sheet name="Príloha č. 4" sheetId="18" r:id="rId4"/>
    <sheet name="Príloha č.5" sheetId="26" r:id="rId5"/>
    <sheet name="Príloha č. 6" sheetId="24" r:id="rId6"/>
    <sheet name="Príloha č. 7  " sheetId="25" r:id="rId7"/>
  </sheets>
  <definedNames>
    <definedName name="_xlnm.Print_Area" localSheetId="0">'Príloha č. 1'!$A$1:$D$28</definedName>
    <definedName name="_xlnm.Print_Area" localSheetId="1">'Príloha č. 2'!$A$1:$E$68</definedName>
    <definedName name="_xlnm.Print_Area" localSheetId="2">'Príloha č. 3'!$A$1:$S$35</definedName>
    <definedName name="_xlnm.Print_Area" localSheetId="3">'Príloha č. 4'!$A$1:$F$28</definedName>
    <definedName name="_xlnm.Print_Area" localSheetId="5">'Príloha č. 6'!$A$1:$D$24</definedName>
    <definedName name="_xlnm.Print_Area" localSheetId="6">'Príloha č. 7  '!$A$1:$D$24</definedName>
    <definedName name="_xlnm.Print_Area" localSheetId="4">'Príloha č.5'!$A$1:$D$23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5" i="18" l="1"/>
  <c r="B60" i="19"/>
  <c r="B25" i="29"/>
  <c r="B13" i="18"/>
  <c r="B17" i="26"/>
  <c r="B15" i="24"/>
  <c r="B15" i="25"/>
  <c r="B14" i="25"/>
  <c r="B14" i="24"/>
  <c r="B16" i="26"/>
  <c r="B12" i="18"/>
  <c r="B24" i="29"/>
  <c r="B59" i="19"/>
  <c r="C9" i="25"/>
  <c r="C9" i="24"/>
  <c r="C9" i="26"/>
  <c r="C8" i="18"/>
  <c r="C51" i="19"/>
  <c r="C50" i="19"/>
  <c r="C15" i="29" l="1"/>
  <c r="C48" i="19"/>
  <c r="C7" i="24"/>
  <c r="C8" i="25"/>
  <c r="C8" i="24"/>
  <c r="C8" i="26"/>
  <c r="C7" i="18"/>
  <c r="C17" i="29"/>
  <c r="C7" i="25" l="1"/>
  <c r="C7" i="26"/>
  <c r="C6" i="18"/>
  <c r="C16" i="29"/>
  <c r="C49" i="19"/>
  <c r="C6" i="25" l="1"/>
  <c r="C6" i="24"/>
  <c r="C6" i="26"/>
  <c r="Q7" i="29" l="1"/>
  <c r="O7" i="29"/>
  <c r="P7" i="29" s="1"/>
  <c r="R7" i="29" s="1"/>
</calcChain>
</file>

<file path=xl/sharedStrings.xml><?xml version="1.0" encoding="utf-8"?>
<sst xmlns="http://schemas.openxmlformats.org/spreadsheetml/2006/main" count="229" uniqueCount="137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MJ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ks</t>
  </si>
  <si>
    <t>Názov výrobcu ponúkaného tovaru</t>
  </si>
  <si>
    <t>13.</t>
  </si>
  <si>
    <t>Obchodný názov ponúkaného tovaru</t>
  </si>
  <si>
    <t>Katalógové číslo</t>
  </si>
  <si>
    <t>- cena, ktorú uchádzač vloží do systému JOSEPHINE</t>
  </si>
  <si>
    <t>- kritérium na vyhodnotenie</t>
  </si>
  <si>
    <t>14.</t>
  </si>
  <si>
    <t>15.</t>
  </si>
  <si>
    <t>Kód ŠUKL</t>
  </si>
  <si>
    <t>Kategorizačný kód</t>
  </si>
  <si>
    <t>Číslo rozhodnutia</t>
  </si>
  <si>
    <t xml:space="preserve">Jednotková cena za MJ </t>
  </si>
  <si>
    <t>Požadovaný počet MJ</t>
  </si>
  <si>
    <t>Celková cena za požadovaný počet MJ</t>
  </si>
  <si>
    <t>Doplňujúce informácie:</t>
  </si>
  <si>
    <t>Termín dodania</t>
  </si>
  <si>
    <t>Záručná doba</t>
  </si>
  <si>
    <t>Cena servisnej hodiny na mimozáručný servis počas záručnej doby</t>
  </si>
  <si>
    <t>pracovných dní</t>
  </si>
  <si>
    <t>mesiacov</t>
  </si>
  <si>
    <t>na hodinu</t>
  </si>
  <si>
    <t>Operačný stôl prenosný</t>
  </si>
  <si>
    <t>Položka č. 1 - Operačný stôl prenosný</t>
  </si>
  <si>
    <t xml:space="preserve">Operačný stôl vyššieho štandardu pre potreby cievnej chirurgie a kardiochirurgie so základňou stola </t>
  </si>
  <si>
    <t>Nosnosť operačného stola v štandardnej zostave min. 450 kg</t>
  </si>
  <si>
    <t>Motorizované výškové nastavenie v rozsahu min. 575 -1055 mm</t>
  </si>
  <si>
    <t>16.</t>
  </si>
  <si>
    <t>Motorizovaný laterálny sklon v rozsahu min.  +/- 20°</t>
  </si>
  <si>
    <t>Motorizovaný sklon chrbtového dielu v rozsahu min. -40°/+75°</t>
  </si>
  <si>
    <t>Motorizovaný sklon nožných dielov v rozsahu min.  +50°/-90°</t>
  </si>
  <si>
    <t>Motorizovaný náklon dosky stola do trendelenburgovej / antitrendelenburgovej polohy v rozsahu min.  -25°/+30°</t>
  </si>
  <si>
    <t>Motorizovaný longitudálny - pozdĺžny posun dosky stola min. 310 mm</t>
  </si>
  <si>
    <t>Šírka dosky stola min. 530 mm, max. 550 mm</t>
  </si>
  <si>
    <t>Použitie karbónovej dosky musí umožniť prístup C ramena k doske stola, bez prekážok, t.j. čistý priestor o dĺžke min. 1600 mm</t>
  </si>
  <si>
    <t>Počet rýchlostí pre nastavenie polohovania jednotlivých dielov stola (spoločne alebo aj samostatne) min. 3</t>
  </si>
  <si>
    <t>Možnosť navolenia si polôh a ich uloženia do pamäte ovládača. Počet mies v pamäti ovládača min. 10</t>
  </si>
  <si>
    <t xml:space="preserve">Možné ovládanie stola: záložné na nohe stola, diaľkové bezdrôtové aj káblové </t>
  </si>
  <si>
    <t xml:space="preserve">Diaľkový bezdrôtový ovládač stola s farebným dotykovým  displejom zobrazujúcim nastavenie stola s uvedením uhlov sklonov jednotlivých častí dosky stola pre ľahkú orientáciu </t>
  </si>
  <si>
    <t>Displej ovládača s farebným rozlíšením jednotlivých dielov dosky stola pre ľahkú identifikáciu.</t>
  </si>
  <si>
    <t>Záložné ovládanie na nohe stola - dostupné aj pri zlyhaní ovládania diaľkovým alebo nožným ovládačom.</t>
  </si>
  <si>
    <t>Minimálne 4 preddefinované polohy stola: 0-poloha, flex poloha, reflex poloha, poloha kresla (beach chair)  a pamäť pre ďalších aspoň 10 nastavení</t>
  </si>
  <si>
    <t xml:space="preserve">Možnosť prepnutia ovládača do reverzného vyskladania stola, pre minimalizáciu chybového polohovania. </t>
  </si>
  <si>
    <t>Rozhrania hlavnej dosky stola rovnaké v sedacej časti ako v chrbtovej časti, pre rýchle a jednoduché premiestnenie a zámenu jednotlivých dielov stola.</t>
  </si>
  <si>
    <t>Hlavový diel s rovnakým rozhraním ako chrbtový diel a zároveň sklopný/výklopný v 2 pároch kĺbov - použiteľný pre lumbotomickú polohu pacienta bez potreby vypodloženia hlavy pacienta</t>
  </si>
  <si>
    <t>17.</t>
  </si>
  <si>
    <t>18.</t>
  </si>
  <si>
    <t>19.</t>
  </si>
  <si>
    <t>20.</t>
  </si>
  <si>
    <t>21.</t>
  </si>
  <si>
    <t>Matrace operačného stola s antidekubitnými vlastnosťami - dvojvrstvové,s pamäťovou penou a paropriepustným a vodeodolným poťahom.</t>
  </si>
  <si>
    <t>22.</t>
  </si>
  <si>
    <t>Vybavenosť stola:</t>
  </si>
  <si>
    <t>23.</t>
  </si>
  <si>
    <t>mobilná základňa stola s hlavnou doskou s matracou a s elektrickým bezkáblovým aj káblovým ovládaním  (1 ks)</t>
  </si>
  <si>
    <t>bezkáblový a káblový diaľkový ovládač s nabíjacou stanicou a farebným dotykovým displejom  (1 ks)</t>
  </si>
  <si>
    <t>nožný segment s matracou, 2 dielny so 4 kĺbami  (1 ks)</t>
  </si>
  <si>
    <t>hlavový diel s 2 pármi kĺbov, vybavený s matracou, sklopný v dvoch kĺboch t.j. využiteľný aj pre laterálnu polohu pre vypodloženie hlavy pacienta bez nutnosti použiť podložku pod hlavu (1 ks)</t>
  </si>
  <si>
    <t>postranné podpery horných končatín so svorkou na eurolištu, odklopným ramenom, výškovo nastaviteľné a s guľovým kĺbom pre rôzne polohovanie  (1 ks)</t>
  </si>
  <si>
    <t>postranná podpera hornej končatiny so suchým zipsom a svorkou na eurolištu  (2 ks)</t>
  </si>
  <si>
    <t>rám zásteny anestéziológa (1 ks)</t>
  </si>
  <si>
    <t>upínací pás na ruku s uchytením na anestéziologický rám (1 ks)</t>
  </si>
  <si>
    <t>karbónový chrbtový diel o dĺžke min. 1100 mm, pripojiteľné do nožnej aj chrbtovej časti hlavnej dosky (2 ks)</t>
  </si>
  <si>
    <t>chrbtový predlžovací, obojstranne použiteľný diel s matracou (1 ks)</t>
  </si>
  <si>
    <t>3 kĺbové rameno pre bočnú podperu pacienta (2 ks)</t>
  </si>
  <si>
    <t>bočná podpera pacienta s matracou o veľkosti min. 14 x 17 cm       (2 ks)</t>
  </si>
  <si>
    <t>radiálne svorky s otočným otvorom o priemere 16 - 18 mm (4 ks)</t>
  </si>
  <si>
    <t>infúzna tyč s min. 2 háčikmi, teleskopická (1 ks)</t>
  </si>
  <si>
    <t>23.13</t>
  </si>
  <si>
    <t>23.14</t>
  </si>
  <si>
    <t>pásy pre fixáciu dolných končatín v lýtkovej časti (2 ks)</t>
  </si>
  <si>
    <t>23.15</t>
  </si>
  <si>
    <t>Motorizované ovládanie končatín kolenných podpier nôh pacienta - polosed</t>
  </si>
  <si>
    <r>
      <t xml:space="preserve">Uchádzač vo verejnom obstarávaní na uvedený predmet zákazky týmto vyhlasuje, že s návrhom zmluvných podmienok bez výhrad </t>
    </r>
    <r>
      <rPr>
        <b/>
        <sz val="10"/>
        <color theme="1"/>
        <rFont val="Arial"/>
        <family val="2"/>
        <charset val="238"/>
      </rPr>
      <t>SÚHLASÍ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3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  <font>
      <b/>
      <sz val="14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12"/>
      <name val="Arial"/>
      <family val="2"/>
      <charset val="238"/>
    </font>
    <font>
      <b/>
      <sz val="8"/>
      <color theme="1"/>
      <name val="Arial"/>
      <family val="2"/>
      <charset val="238"/>
    </font>
    <font>
      <u/>
      <sz val="10"/>
      <color theme="10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  <fill>
      <patternFill patternType="solid">
        <fgColor theme="0" tint="-0.14999847407452621"/>
        <bgColor indexed="64"/>
      </patternFill>
    </fill>
  </fills>
  <borders count="81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7">
    <xf numFmtId="0" fontId="0" fillId="0" borderId="0"/>
    <xf numFmtId="0" fontId="4" fillId="0" borderId="0" applyNumberFormat="0" applyFill="0" applyBorder="0" applyAlignment="0" applyProtection="0"/>
    <xf numFmtId="0" fontId="7" fillId="0" borderId="0"/>
    <xf numFmtId="0" fontId="10" fillId="0" borderId="0"/>
    <xf numFmtId="0" fontId="13" fillId="0" borderId="0" applyNumberFormat="0" applyFill="0" applyBorder="0" applyProtection="0"/>
    <xf numFmtId="0" fontId="7" fillId="0" borderId="0"/>
    <xf numFmtId="0" fontId="10" fillId="0" borderId="0"/>
  </cellStyleXfs>
  <cellXfs count="294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6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alignment horizontal="center"/>
      <protection locked="0"/>
    </xf>
    <xf numFmtId="0" fontId="6" fillId="0" borderId="0" xfId="0" applyFont="1" applyAlignme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8" fillId="0" borderId="0" xfId="2" applyFont="1" applyAlignment="1">
      <alignment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vertical="center"/>
      <protection locked="0"/>
    </xf>
    <xf numFmtId="49" fontId="8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3" applyFont="1" applyAlignment="1">
      <alignment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5" fillId="0" borderId="0" xfId="3" applyFont="1" applyAlignment="1">
      <alignment wrapText="1"/>
    </xf>
    <xf numFmtId="0" fontId="15" fillId="0" borderId="0" xfId="3" applyFont="1" applyAlignment="1">
      <alignment vertical="top" wrapText="1"/>
    </xf>
    <xf numFmtId="0" fontId="16" fillId="0" borderId="0" xfId="3" applyFont="1" applyAlignment="1">
      <alignment horizontal="left" vertical="top" wrapText="1"/>
    </xf>
    <xf numFmtId="0" fontId="16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5" fillId="0" borderId="0" xfId="3" applyFont="1" applyAlignment="1">
      <alignment vertical="center" wrapText="1"/>
    </xf>
    <xf numFmtId="0" fontId="1" fillId="0" borderId="0" xfId="3" applyFont="1" applyAlignment="1">
      <alignment horizontal="center"/>
    </xf>
    <xf numFmtId="0" fontId="15" fillId="0" borderId="0" xfId="3" applyFont="1"/>
    <xf numFmtId="3" fontId="15" fillId="0" borderId="0" xfId="3" applyNumberFormat="1" applyFont="1" applyAlignment="1">
      <alignment horizontal="center"/>
    </xf>
    <xf numFmtId="49" fontId="8" fillId="0" borderId="0" xfId="2" applyNumberFormat="1" applyFont="1" applyBorder="1" applyAlignment="1">
      <alignment vertical="top"/>
    </xf>
    <xf numFmtId="49" fontId="14" fillId="0" borderId="0" xfId="2" applyNumberFormat="1" applyFont="1" applyBorder="1" applyAlignment="1">
      <alignment vertical="top"/>
    </xf>
    <xf numFmtId="0" fontId="14" fillId="0" borderId="0" xfId="0" applyNumberFormat="1" applyFont="1" applyAlignment="1">
      <alignment vertical="center"/>
    </xf>
    <xf numFmtId="0" fontId="14" fillId="0" borderId="0" xfId="0" applyNumberFormat="1" applyFont="1" applyAlignment="1" applyProtection="1">
      <alignment wrapText="1"/>
      <protection locked="0"/>
    </xf>
    <xf numFmtId="0" fontId="20" fillId="0" borderId="0" xfId="5" applyFont="1"/>
    <xf numFmtId="0" fontId="11" fillId="0" borderId="0" xfId="0" applyFont="1" applyAlignment="1">
      <alignment horizontal="left"/>
    </xf>
    <xf numFmtId="0" fontId="11" fillId="0" borderId="0" xfId="0" applyFont="1" applyAlignment="1">
      <alignment horizontal="left" vertical="top"/>
    </xf>
    <xf numFmtId="0" fontId="21" fillId="0" borderId="0" xfId="5" applyFont="1" applyAlignment="1"/>
    <xf numFmtId="0" fontId="20" fillId="0" borderId="0" xfId="5" applyFont="1" applyFill="1" applyBorder="1" applyAlignment="1">
      <alignment horizontal="center" vertical="top" wrapText="1"/>
    </xf>
    <xf numFmtId="0" fontId="20" fillId="0" borderId="0" xfId="5" applyFont="1" applyAlignment="1">
      <alignment horizontal="center" vertical="top" wrapText="1"/>
    </xf>
    <xf numFmtId="0" fontId="23" fillId="0" borderId="0" xfId="5" applyFont="1" applyFill="1" applyBorder="1" applyAlignment="1">
      <alignment horizontal="center" vertical="top" wrapText="1"/>
    </xf>
    <xf numFmtId="0" fontId="23" fillId="2" borderId="1" xfId="5" applyFont="1" applyFill="1" applyBorder="1" applyAlignment="1">
      <alignment horizontal="center" vertical="top" wrapText="1"/>
    </xf>
    <xf numFmtId="0" fontId="23" fillId="0" borderId="0" xfId="5" applyFont="1" applyAlignment="1">
      <alignment horizontal="center" vertical="top" wrapText="1"/>
    </xf>
    <xf numFmtId="0" fontId="20" fillId="0" borderId="0" xfId="5" applyFont="1" applyFill="1" applyBorder="1" applyAlignment="1">
      <alignment vertical="center"/>
    </xf>
    <xf numFmtId="0" fontId="20" fillId="0" borderId="0" xfId="5" applyFont="1" applyAlignment="1">
      <alignment vertical="center"/>
    </xf>
    <xf numFmtId="0" fontId="11" fillId="0" borderId="0" xfId="5" applyFont="1" applyBorder="1" applyAlignment="1">
      <alignment wrapText="1"/>
    </xf>
    <xf numFmtId="0" fontId="11" fillId="0" borderId="0" xfId="5" applyFont="1" applyAlignment="1">
      <alignment wrapText="1"/>
    </xf>
    <xf numFmtId="49" fontId="11" fillId="0" borderId="0" xfId="5" applyNumberFormat="1" applyFont="1" applyBorder="1" applyAlignment="1">
      <alignment horizontal="center" wrapText="1"/>
    </xf>
    <xf numFmtId="9" fontId="11" fillId="0" borderId="0" xfId="5" applyNumberFormat="1" applyFont="1" applyBorder="1" applyAlignment="1">
      <alignment horizontal="center" wrapText="1"/>
    </xf>
    <xf numFmtId="9" fontId="24" fillId="0" borderId="0" xfId="5" applyNumberFormat="1" applyFont="1" applyBorder="1" applyAlignment="1">
      <alignment horizontal="right" vertical="center" wrapText="1"/>
    </xf>
    <xf numFmtId="0" fontId="11" fillId="0" borderId="0" xfId="5" applyFont="1"/>
    <xf numFmtId="0" fontId="20" fillId="0" borderId="0" xfId="5" applyFont="1" applyBorder="1" applyAlignment="1">
      <alignment horizontal="left" vertical="center"/>
    </xf>
    <xf numFmtId="0" fontId="12" fillId="0" borderId="0" xfId="0" applyNumberFormat="1" applyFont="1" applyBorder="1" applyAlignment="1" applyProtection="1">
      <alignment vertical="top"/>
      <protection locked="0"/>
    </xf>
    <xf numFmtId="0" fontId="12" fillId="0" borderId="0" xfId="0" applyNumberFormat="1" applyFont="1" applyBorder="1" applyAlignment="1" applyProtection="1">
      <alignment vertical="top" wrapText="1"/>
      <protection locked="0"/>
    </xf>
    <xf numFmtId="0" fontId="20" fillId="0" borderId="0" xfId="5" applyFont="1" applyBorder="1" applyAlignment="1">
      <alignment horizontal="center" vertical="center" wrapText="1"/>
    </xf>
    <xf numFmtId="164" fontId="20" fillId="0" borderId="0" xfId="5" applyNumberFormat="1" applyFont="1" applyFill="1" applyBorder="1" applyAlignment="1">
      <alignment horizontal="right" vertical="center"/>
    </xf>
    <xf numFmtId="166" fontId="20" fillId="0" borderId="0" xfId="5" applyNumberFormat="1" applyFont="1" applyFill="1" applyBorder="1" applyAlignment="1">
      <alignment horizontal="right" vertical="center"/>
    </xf>
    <xf numFmtId="0" fontId="11" fillId="0" borderId="0" xfId="0" applyFont="1" applyAlignment="1">
      <alignment horizontal="right"/>
    </xf>
    <xf numFmtId="0" fontId="11" fillId="0" borderId="0" xfId="0" applyFont="1" applyAlignment="1">
      <alignment wrapText="1"/>
    </xf>
    <xf numFmtId="0" fontId="19" fillId="0" borderId="5" xfId="0" applyFont="1" applyBorder="1" applyAlignment="1">
      <alignment wrapText="1"/>
    </xf>
    <xf numFmtId="0" fontId="11" fillId="0" borderId="0" xfId="0" applyFont="1" applyAlignment="1">
      <alignment horizontal="right" vertical="center"/>
    </xf>
    <xf numFmtId="49" fontId="11" fillId="0" borderId="0" xfId="5" applyNumberFormat="1" applyFont="1" applyAlignment="1">
      <alignment horizontal="center" wrapText="1"/>
    </xf>
    <xf numFmtId="0" fontId="11" fillId="0" borderId="0" xfId="0" applyFont="1" applyAlignment="1">
      <alignment horizontal="right" vertical="center" wrapText="1"/>
    </xf>
    <xf numFmtId="0" fontId="11" fillId="0" borderId="0" xfId="0" applyFont="1" applyAlignment="1">
      <alignment vertical="center" wrapText="1"/>
    </xf>
    <xf numFmtId="164" fontId="11" fillId="0" borderId="0" xfId="5" applyNumberFormat="1" applyFont="1" applyAlignment="1">
      <alignment horizontal="right" wrapText="1"/>
    </xf>
    <xf numFmtId="0" fontId="11" fillId="0" borderId="0" xfId="6" applyFont="1" applyAlignment="1">
      <alignment wrapText="1"/>
    </xf>
    <xf numFmtId="0" fontId="11" fillId="0" borderId="0" xfId="6" applyFont="1" applyAlignment="1">
      <alignment horizontal="center" vertical="top" wrapText="1"/>
    </xf>
    <xf numFmtId="0" fontId="11" fillId="0" borderId="0" xfId="6" applyFont="1" applyBorder="1" applyAlignment="1">
      <alignment horizontal="center" wrapText="1"/>
    </xf>
    <xf numFmtId="164" fontId="11" fillId="0" borderId="0" xfId="6" applyNumberFormat="1" applyFont="1" applyAlignment="1">
      <alignment wrapText="1"/>
    </xf>
    <xf numFmtId="0" fontId="26" fillId="2" borderId="1" xfId="0" applyFont="1" applyFill="1" applyBorder="1" applyAlignment="1" applyProtection="1">
      <alignment wrapText="1"/>
      <protection locked="0"/>
    </xf>
    <xf numFmtId="0" fontId="25" fillId="0" borderId="0" xfId="0" applyFont="1" applyAlignment="1" applyProtection="1">
      <alignment horizontal="left" vertical="center"/>
      <protection locked="0"/>
    </xf>
    <xf numFmtId="0" fontId="20" fillId="0" borderId="0" xfId="5" applyFont="1" applyAlignment="1">
      <alignment horizontal="left"/>
    </xf>
    <xf numFmtId="0" fontId="20" fillId="0" borderId="0" xfId="5" applyFont="1" applyAlignment="1">
      <alignment horizontal="center"/>
    </xf>
    <xf numFmtId="0" fontId="20" fillId="0" borderId="0" xfId="5" applyFont="1" applyFill="1" applyBorder="1"/>
    <xf numFmtId="164" fontId="20" fillId="0" borderId="0" xfId="5" applyNumberFormat="1" applyFont="1" applyAlignment="1">
      <alignment horizontal="right"/>
    </xf>
    <xf numFmtId="0" fontId="26" fillId="0" borderId="0" xfId="0" applyFont="1" applyAlignment="1" applyProtection="1">
      <alignment wrapText="1"/>
      <protection locked="0"/>
    </xf>
    <xf numFmtId="49" fontId="25" fillId="0" borderId="0" xfId="0" applyNumberFormat="1" applyFont="1" applyAlignment="1" applyProtection="1">
      <alignment vertical="center"/>
      <protection locked="0"/>
    </xf>
    <xf numFmtId="0" fontId="21" fillId="5" borderId="14" xfId="5" applyFont="1" applyFill="1" applyBorder="1" applyAlignment="1">
      <alignment vertical="top" wrapText="1"/>
    </xf>
    <xf numFmtId="0" fontId="21" fillId="5" borderId="16" xfId="5" applyFont="1" applyFill="1" applyBorder="1" applyAlignment="1">
      <alignment vertical="top" wrapText="1"/>
    </xf>
    <xf numFmtId="0" fontId="20" fillId="5" borderId="18" xfId="5" applyFont="1" applyFill="1" applyBorder="1" applyAlignment="1">
      <alignment horizontal="center" vertical="top" wrapText="1"/>
    </xf>
    <xf numFmtId="0" fontId="20" fillId="5" borderId="17" xfId="5" applyFont="1" applyFill="1" applyBorder="1" applyAlignment="1">
      <alignment horizontal="center" vertical="top" wrapText="1"/>
    </xf>
    <xf numFmtId="0" fontId="20" fillId="5" borderId="19" xfId="5" applyFont="1" applyFill="1" applyBorder="1" applyAlignment="1">
      <alignment horizontal="center" vertical="top" wrapText="1"/>
    </xf>
    <xf numFmtId="164" fontId="20" fillId="5" borderId="20" xfId="5" applyNumberFormat="1" applyFont="1" applyFill="1" applyBorder="1" applyAlignment="1">
      <alignment horizontal="center" vertical="top" wrapText="1"/>
    </xf>
    <xf numFmtId="0" fontId="23" fillId="2" borderId="6" xfId="5" applyFont="1" applyFill="1" applyBorder="1" applyAlignment="1">
      <alignment horizontal="center" vertical="top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49" fontId="7" fillId="0" borderId="21" xfId="0" applyNumberFormat="1" applyFont="1" applyFill="1" applyBorder="1" applyAlignment="1">
      <alignment horizontal="left" vertical="center" wrapText="1"/>
    </xf>
    <xf numFmtId="49" fontId="7" fillId="0" borderId="24" xfId="0" applyNumberFormat="1" applyFont="1" applyFill="1" applyBorder="1" applyAlignment="1">
      <alignment horizontal="left" vertical="center" wrapText="1"/>
    </xf>
    <xf numFmtId="49" fontId="7" fillId="0" borderId="12" xfId="0" applyNumberFormat="1" applyFont="1" applyFill="1" applyBorder="1" applyAlignment="1">
      <alignment horizontal="left" vertical="center" wrapText="1"/>
    </xf>
    <xf numFmtId="0" fontId="19" fillId="7" borderId="0" xfId="0" applyFont="1" applyFill="1" applyAlignment="1" applyProtection="1">
      <alignment wrapText="1"/>
      <protection locked="0"/>
    </xf>
    <xf numFmtId="49" fontId="19" fillId="0" borderId="0" xfId="0" applyNumberFormat="1" applyFont="1" applyAlignment="1" applyProtection="1">
      <alignment vertical="center"/>
      <protection locked="0"/>
    </xf>
    <xf numFmtId="0" fontId="19" fillId="0" borderId="0" xfId="0" applyFont="1" applyAlignment="1" applyProtection="1">
      <alignment horizontal="center"/>
      <protection locked="0"/>
    </xf>
    <xf numFmtId="49" fontId="19" fillId="0" borderId="0" xfId="0" applyNumberFormat="1" applyFont="1" applyBorder="1" applyAlignment="1" applyProtection="1">
      <alignment vertical="center"/>
      <protection locked="0"/>
    </xf>
    <xf numFmtId="0" fontId="19" fillId="0" borderId="0" xfId="0" applyFont="1" applyBorder="1" applyAlignment="1" applyProtection="1">
      <alignment wrapText="1"/>
      <protection locked="0"/>
    </xf>
    <xf numFmtId="164" fontId="19" fillId="3" borderId="25" xfId="0" applyNumberFormat="1" applyFont="1" applyFill="1" applyBorder="1" applyAlignment="1" applyProtection="1">
      <alignment horizontal="right"/>
      <protection locked="0"/>
    </xf>
    <xf numFmtId="0" fontId="20" fillId="0" borderId="0" xfId="5" applyFont="1" applyBorder="1" applyAlignment="1">
      <alignment vertical="center"/>
    </xf>
    <xf numFmtId="165" fontId="20" fillId="0" borderId="25" xfId="5" applyNumberFormat="1" applyFont="1" applyFill="1" applyBorder="1" applyAlignment="1">
      <alignment horizontal="right" vertical="center"/>
    </xf>
    <xf numFmtId="0" fontId="27" fillId="0" borderId="0" xfId="0" applyFont="1" applyAlignment="1">
      <alignment horizontal="left" vertical="center"/>
    </xf>
    <xf numFmtId="0" fontId="7" fillId="0" borderId="0" xfId="0" applyFont="1" applyAlignment="1">
      <alignment wrapText="1"/>
    </xf>
    <xf numFmtId="0" fontId="18" fillId="0" borderId="0" xfId="0" applyFont="1" applyAlignment="1">
      <alignment wrapText="1"/>
    </xf>
    <xf numFmtId="0" fontId="17" fillId="0" borderId="0" xfId="0" applyFont="1" applyBorder="1" applyAlignment="1">
      <alignment vertical="center" wrapText="1"/>
    </xf>
    <xf numFmtId="0" fontId="28" fillId="0" borderId="0" xfId="0" applyFont="1" applyAlignment="1">
      <alignment horizontal="left" vertical="center"/>
    </xf>
    <xf numFmtId="0" fontId="11" fillId="0" borderId="26" xfId="0" applyFont="1" applyBorder="1" applyAlignment="1">
      <alignment horizontal="center" vertical="center" wrapText="1"/>
    </xf>
    <xf numFmtId="0" fontId="11" fillId="0" borderId="8" xfId="0" applyFont="1" applyBorder="1" applyAlignment="1">
      <alignment horizontal="center" vertical="center" wrapText="1"/>
    </xf>
    <xf numFmtId="0" fontId="11" fillId="0" borderId="30" xfId="0" applyFont="1" applyBorder="1" applyAlignment="1">
      <alignment horizontal="center" vertical="center" wrapText="1"/>
    </xf>
    <xf numFmtId="0" fontId="23" fillId="2" borderId="39" xfId="5" applyFont="1" applyFill="1" applyBorder="1" applyAlignment="1">
      <alignment horizontal="center" vertical="top" wrapText="1"/>
    </xf>
    <xf numFmtId="3" fontId="23" fillId="2" borderId="40" xfId="5" applyNumberFormat="1" applyFont="1" applyFill="1" applyBorder="1" applyAlignment="1">
      <alignment horizontal="center" vertical="top" wrapText="1"/>
    </xf>
    <xf numFmtId="0" fontId="20" fillId="0" borderId="41" xfId="5" applyFont="1" applyBorder="1" applyAlignment="1">
      <alignment horizontal="center" vertical="center" wrapText="1"/>
    </xf>
    <xf numFmtId="0" fontId="11" fillId="0" borderId="44" xfId="0" applyFont="1" applyBorder="1" applyAlignment="1">
      <alignment horizontal="center" vertical="center" wrapText="1"/>
    </xf>
    <xf numFmtId="0" fontId="11" fillId="0" borderId="45" xfId="0" applyFont="1" applyBorder="1" applyAlignment="1">
      <alignment horizontal="center" vertical="center"/>
    </xf>
    <xf numFmtId="0" fontId="21" fillId="5" borderId="34" xfId="5" applyFont="1" applyFill="1" applyBorder="1" applyAlignment="1">
      <alignment horizontal="center" vertical="top" wrapText="1"/>
    </xf>
    <xf numFmtId="0" fontId="21" fillId="5" borderId="37" xfId="5" applyFont="1" applyFill="1" applyBorder="1" applyAlignment="1">
      <alignment horizontal="center" vertical="top" wrapText="1"/>
    </xf>
    <xf numFmtId="0" fontId="21" fillId="5" borderId="50" xfId="5" applyFont="1" applyFill="1" applyBorder="1" applyAlignment="1">
      <alignment vertical="top" wrapText="1"/>
    </xf>
    <xf numFmtId="0" fontId="20" fillId="5" borderId="51" xfId="5" applyFont="1" applyFill="1" applyBorder="1" applyAlignment="1">
      <alignment horizontal="center" vertical="top" wrapText="1"/>
    </xf>
    <xf numFmtId="0" fontId="23" fillId="2" borderId="52" xfId="5" applyFont="1" applyFill="1" applyBorder="1" applyAlignment="1">
      <alignment horizontal="center" vertical="top" wrapText="1"/>
    </xf>
    <xf numFmtId="164" fontId="23" fillId="2" borderId="53" xfId="5" applyNumberFormat="1" applyFont="1" applyFill="1" applyBorder="1" applyAlignment="1">
      <alignment horizontal="center" vertical="top" wrapText="1"/>
    </xf>
    <xf numFmtId="165" fontId="20" fillId="0" borderId="54" xfId="5" applyNumberFormat="1" applyFont="1" applyFill="1" applyBorder="1" applyAlignment="1">
      <alignment horizontal="right" vertical="center"/>
    </xf>
    <xf numFmtId="165" fontId="20" fillId="0" borderId="55" xfId="5" applyNumberFormat="1" applyFont="1" applyFill="1" applyBorder="1" applyAlignment="1">
      <alignment horizontal="right" vertical="center"/>
    </xf>
    <xf numFmtId="165" fontId="20" fillId="0" borderId="56" xfId="5" applyNumberFormat="1" applyFont="1" applyFill="1" applyBorder="1" applyAlignment="1">
      <alignment horizontal="right" vertical="center"/>
    </xf>
    <xf numFmtId="165" fontId="20" fillId="0" borderId="57" xfId="5" applyNumberFormat="1" applyFont="1" applyFill="1" applyBorder="1" applyAlignment="1">
      <alignment horizontal="right" vertical="center"/>
    </xf>
    <xf numFmtId="9" fontId="20" fillId="0" borderId="58" xfId="5" applyNumberFormat="1" applyFont="1" applyFill="1" applyBorder="1" applyAlignment="1">
      <alignment horizontal="center" vertical="center"/>
    </xf>
    <xf numFmtId="165" fontId="20" fillId="0" borderId="58" xfId="5" applyNumberFormat="1" applyFont="1" applyFill="1" applyBorder="1" applyAlignment="1">
      <alignment horizontal="right" vertical="center"/>
    </xf>
    <xf numFmtId="165" fontId="20" fillId="0" borderId="59" xfId="5" applyNumberFormat="1" applyFont="1" applyFill="1" applyBorder="1" applyAlignment="1">
      <alignment horizontal="right" vertical="center"/>
    </xf>
    <xf numFmtId="165" fontId="20" fillId="6" borderId="55" xfId="5" applyNumberFormat="1" applyFont="1" applyFill="1" applyBorder="1" applyAlignment="1">
      <alignment horizontal="right" vertical="center"/>
    </xf>
    <xf numFmtId="0" fontId="1" fillId="0" borderId="0" xfId="0" applyFont="1" applyBorder="1" applyAlignment="1">
      <alignment vertical="top" wrapText="1"/>
    </xf>
    <xf numFmtId="0" fontId="7" fillId="0" borderId="8" xfId="0" applyFont="1" applyBorder="1" applyAlignment="1">
      <alignment vertical="center" wrapText="1"/>
    </xf>
    <xf numFmtId="16" fontId="7" fillId="0" borderId="8" xfId="0" applyNumberFormat="1" applyFont="1" applyBorder="1" applyAlignment="1">
      <alignment vertical="center" wrapText="1"/>
    </xf>
    <xf numFmtId="49" fontId="1" fillId="4" borderId="65" xfId="0" applyNumberFormat="1" applyFont="1" applyFill="1" applyBorder="1" applyAlignment="1">
      <alignment horizontal="center" vertical="center" wrapText="1"/>
    </xf>
    <xf numFmtId="0" fontId="7" fillId="0" borderId="70" xfId="0" applyFont="1" applyBorder="1" applyAlignment="1">
      <alignment horizontal="left" vertical="center" wrapText="1"/>
    </xf>
    <xf numFmtId="49" fontId="7" fillId="0" borderId="6" xfId="0" applyNumberFormat="1" applyFont="1" applyFill="1" applyBorder="1" applyAlignment="1">
      <alignment horizontal="left" vertical="center" wrapText="1"/>
    </xf>
    <xf numFmtId="16" fontId="7" fillId="0" borderId="30" xfId="0" applyNumberFormat="1" applyFont="1" applyBorder="1" applyAlignment="1">
      <alignment vertical="center" wrapText="1"/>
    </xf>
    <xf numFmtId="49" fontId="7" fillId="0" borderId="31" xfId="0" applyNumberFormat="1" applyFont="1" applyFill="1" applyBorder="1" applyAlignment="1">
      <alignment horizontal="left" vertical="center" wrapText="1"/>
    </xf>
    <xf numFmtId="49" fontId="1" fillId="0" borderId="74" xfId="0" applyNumberFormat="1" applyFont="1" applyBorder="1" applyAlignment="1">
      <alignment horizontal="center" vertical="center" wrapText="1"/>
    </xf>
    <xf numFmtId="49" fontId="20" fillId="0" borderId="0" xfId="5" applyNumberFormat="1" applyFont="1" applyBorder="1" applyAlignment="1">
      <alignment horizontal="left" vertical="center"/>
    </xf>
    <xf numFmtId="0" fontId="7" fillId="0" borderId="8" xfId="0" applyFont="1" applyBorder="1" applyAlignment="1">
      <alignment horizontal="left" vertical="center" wrapText="1"/>
    </xf>
    <xf numFmtId="16" fontId="7" fillId="0" borderId="8" xfId="0" applyNumberFormat="1" applyFont="1" applyBorder="1" applyAlignment="1">
      <alignment horizontal="left" vertical="center" wrapText="1"/>
    </xf>
    <xf numFmtId="16" fontId="7" fillId="8" borderId="8" xfId="0" applyNumberFormat="1" applyFont="1" applyFill="1" applyBorder="1" applyAlignment="1">
      <alignment vertical="center" wrapText="1"/>
    </xf>
    <xf numFmtId="0" fontId="18" fillId="3" borderId="76" xfId="0" applyFont="1" applyFill="1" applyBorder="1" applyAlignment="1">
      <alignment horizontal="center" vertical="center" wrapText="1"/>
    </xf>
    <xf numFmtId="0" fontId="18" fillId="3" borderId="77" xfId="0" applyFont="1" applyFill="1" applyBorder="1" applyAlignment="1">
      <alignment horizontal="center" vertical="center" wrapText="1"/>
    </xf>
    <xf numFmtId="165" fontId="18" fillId="3" borderId="77" xfId="0" applyNumberFormat="1" applyFont="1" applyFill="1" applyBorder="1" applyAlignment="1">
      <alignment horizontal="center" vertical="center" wrapText="1"/>
    </xf>
    <xf numFmtId="0" fontId="11" fillId="0" borderId="78" xfId="0" applyFont="1" applyBorder="1" applyAlignment="1">
      <alignment horizontal="center" vertical="center" wrapText="1"/>
    </xf>
    <xf numFmtId="0" fontId="11" fillId="0" borderId="79" xfId="0" applyFont="1" applyBorder="1" applyAlignment="1">
      <alignment horizontal="center" vertical="center" wrapText="1"/>
    </xf>
    <xf numFmtId="0" fontId="11" fillId="0" borderId="80" xfId="0" applyFont="1" applyBorder="1" applyAlignment="1">
      <alignment horizontal="center" vertical="center" wrapText="1"/>
    </xf>
    <xf numFmtId="0" fontId="1" fillId="0" borderId="0" xfId="0" applyFont="1" applyAlignment="1">
      <alignment horizontal="center"/>
    </xf>
    <xf numFmtId="0" fontId="1" fillId="0" borderId="0" xfId="0" applyNumberFormat="1" applyFont="1" applyBorder="1" applyAlignment="1">
      <alignment horizontal="left" wrapText="1"/>
    </xf>
    <xf numFmtId="0" fontId="2" fillId="0" borderId="0" xfId="0" applyNumberFormat="1" applyFont="1" applyBorder="1" applyAlignment="1">
      <alignment horizontal="left" wrapText="1"/>
    </xf>
    <xf numFmtId="49" fontId="1" fillId="0" borderId="3" xfId="0" applyNumberFormat="1" applyFont="1" applyBorder="1" applyAlignment="1">
      <alignment horizontal="center" vertical="center" wrapText="1"/>
    </xf>
    <xf numFmtId="49" fontId="1" fillId="0" borderId="4" xfId="0" applyNumberFormat="1" applyFont="1" applyBorder="1" applyAlignment="1">
      <alignment horizontal="center" vertical="center" wrapText="1"/>
    </xf>
    <xf numFmtId="49" fontId="1" fillId="0" borderId="66" xfId="0" applyNumberFormat="1" applyFont="1" applyBorder="1" applyAlignment="1">
      <alignment horizontal="center" vertical="center" wrapText="1"/>
    </xf>
    <xf numFmtId="49" fontId="1" fillId="0" borderId="67" xfId="0" applyNumberFormat="1" applyFont="1" applyBorder="1" applyAlignment="1">
      <alignment horizontal="center" vertical="center" wrapText="1"/>
    </xf>
    <xf numFmtId="49" fontId="5" fillId="0" borderId="0" xfId="2" applyNumberFormat="1" applyFont="1" applyBorder="1" applyAlignment="1">
      <alignment horizontal="left"/>
    </xf>
    <xf numFmtId="49" fontId="9" fillId="0" borderId="0" xfId="2" applyNumberFormat="1" applyFont="1" applyBorder="1" applyAlignment="1">
      <alignment horizontal="center" vertical="center" wrapText="1"/>
    </xf>
    <xf numFmtId="49" fontId="2" fillId="4" borderId="60" xfId="0" applyNumberFormat="1" applyFont="1" applyFill="1" applyBorder="1" applyAlignment="1">
      <alignment horizontal="left" vertical="top" wrapText="1"/>
    </xf>
    <xf numFmtId="49" fontId="2" fillId="4" borderId="61" xfId="0" applyNumberFormat="1" applyFont="1" applyFill="1" applyBorder="1" applyAlignment="1">
      <alignment horizontal="left" vertical="top" wrapText="1"/>
    </xf>
    <xf numFmtId="49" fontId="2" fillId="4" borderId="68" xfId="0" applyNumberFormat="1" applyFont="1" applyFill="1" applyBorder="1" applyAlignment="1">
      <alignment horizontal="left" vertical="top" wrapText="1"/>
    </xf>
    <xf numFmtId="49" fontId="2" fillId="4" borderId="69" xfId="0" applyNumberFormat="1" applyFont="1" applyFill="1" applyBorder="1" applyAlignment="1">
      <alignment horizontal="left" vertical="top" wrapText="1"/>
    </xf>
    <xf numFmtId="0" fontId="2" fillId="4" borderId="62" xfId="0" applyFont="1" applyFill="1" applyBorder="1" applyAlignment="1">
      <alignment horizontal="center" vertical="top" wrapText="1"/>
    </xf>
    <xf numFmtId="0" fontId="2" fillId="4" borderId="63" xfId="0" applyFont="1" applyFill="1" applyBorder="1" applyAlignment="1">
      <alignment horizontal="center" vertical="top" wrapText="1"/>
    </xf>
    <xf numFmtId="0" fontId="2" fillId="4" borderId="64" xfId="0" applyFont="1" applyFill="1" applyBorder="1" applyAlignment="1">
      <alignment horizontal="center" vertical="top" wrapText="1"/>
    </xf>
    <xf numFmtId="49" fontId="1" fillId="4" borderId="66" xfId="0" applyNumberFormat="1" applyFont="1" applyFill="1" applyBorder="1" applyAlignment="1">
      <alignment horizontal="center" vertical="center" wrapText="1"/>
    </xf>
    <xf numFmtId="49" fontId="1" fillId="4" borderId="67" xfId="0" applyNumberFormat="1" applyFont="1" applyFill="1" applyBorder="1" applyAlignment="1">
      <alignment horizontal="center" vertical="center" wrapText="1"/>
    </xf>
    <xf numFmtId="49" fontId="17" fillId="2" borderId="71" xfId="0" applyNumberFormat="1" applyFont="1" applyFill="1" applyBorder="1" applyAlignment="1">
      <alignment horizontal="left" vertical="center" wrapText="1"/>
    </xf>
    <xf numFmtId="49" fontId="17" fillId="2" borderId="72" xfId="0" applyNumberFormat="1" applyFont="1" applyFill="1" applyBorder="1" applyAlignment="1">
      <alignment horizontal="left" vertical="center" wrapText="1"/>
    </xf>
    <xf numFmtId="49" fontId="17" fillId="2" borderId="73" xfId="0" applyNumberFormat="1" applyFont="1" applyFill="1" applyBorder="1" applyAlignment="1">
      <alignment horizontal="left" vertical="center" wrapText="1"/>
    </xf>
    <xf numFmtId="49" fontId="27" fillId="8" borderId="20" xfId="0" applyNumberFormat="1" applyFont="1" applyFill="1" applyBorder="1" applyAlignment="1">
      <alignment horizontal="left" vertical="center" wrapText="1"/>
    </xf>
    <xf numFmtId="49" fontId="27" fillId="8" borderId="0" xfId="0" applyNumberFormat="1" applyFont="1" applyFill="1" applyBorder="1" applyAlignment="1">
      <alignment horizontal="left" vertical="center" wrapText="1"/>
    </xf>
    <xf numFmtId="49" fontId="27" fillId="8" borderId="75" xfId="0" applyNumberFormat="1" applyFont="1" applyFill="1" applyBorder="1" applyAlignment="1">
      <alignment horizontal="left" vertical="center" wrapText="1"/>
    </xf>
    <xf numFmtId="0" fontId="23" fillId="2" borderId="10" xfId="5" applyFont="1" applyFill="1" applyBorder="1" applyAlignment="1">
      <alignment horizontal="center" vertical="top" wrapText="1"/>
    </xf>
    <xf numFmtId="0" fontId="23" fillId="2" borderId="15" xfId="5" applyFont="1" applyFill="1" applyBorder="1" applyAlignment="1">
      <alignment horizontal="center" vertical="top" wrapText="1"/>
    </xf>
    <xf numFmtId="0" fontId="20" fillId="0" borderId="42" xfId="5" applyFont="1" applyBorder="1" applyAlignment="1">
      <alignment horizontal="left" vertical="center" wrapText="1"/>
    </xf>
    <xf numFmtId="0" fontId="20" fillId="0" borderId="43" xfId="5" applyFont="1" applyBorder="1" applyAlignment="1">
      <alignment horizontal="left" vertical="center" wrapText="1"/>
    </xf>
    <xf numFmtId="0" fontId="19" fillId="0" borderId="7" xfId="0" applyFont="1" applyBorder="1" applyAlignment="1">
      <alignment horizontal="center"/>
    </xf>
    <xf numFmtId="14" fontId="11" fillId="0" borderId="0" xfId="0" applyNumberFormat="1" applyFont="1" applyBorder="1" applyAlignment="1" applyProtection="1">
      <alignment horizontal="left" wrapText="1"/>
      <protection locked="0"/>
    </xf>
    <xf numFmtId="0" fontId="25" fillId="0" borderId="0" xfId="0" applyFont="1" applyAlignment="1" applyProtection="1">
      <alignment horizontal="left"/>
      <protection locked="0"/>
    </xf>
    <xf numFmtId="0" fontId="12" fillId="0" borderId="0" xfId="0" applyNumberFormat="1" applyFont="1" applyBorder="1" applyAlignment="1">
      <alignment horizontal="center" vertical="center" wrapText="1"/>
    </xf>
    <xf numFmtId="0" fontId="11" fillId="0" borderId="0" xfId="0" applyNumberFormat="1" applyFont="1" applyBorder="1" applyAlignment="1" applyProtection="1">
      <alignment horizontal="left" wrapText="1"/>
      <protection locked="0"/>
    </xf>
    <xf numFmtId="0" fontId="11" fillId="0" borderId="0" xfId="0" applyNumberFormat="1" applyFont="1" applyBorder="1" applyAlignment="1">
      <alignment horizontal="left" vertical="center" wrapText="1"/>
    </xf>
    <xf numFmtId="0" fontId="11" fillId="0" borderId="27" xfId="0" applyFont="1" applyBorder="1" applyAlignment="1">
      <alignment horizontal="left" vertical="center" wrapText="1"/>
    </xf>
    <xf numFmtId="0" fontId="11" fillId="0" borderId="28" xfId="0" applyFont="1" applyBorder="1" applyAlignment="1">
      <alignment horizontal="left" vertical="center" wrapText="1"/>
    </xf>
    <xf numFmtId="0" fontId="11" fillId="0" borderId="29" xfId="0" applyFont="1" applyBorder="1" applyAlignment="1">
      <alignment horizontal="left" vertical="center" wrapText="1"/>
    </xf>
    <xf numFmtId="0" fontId="11" fillId="0" borderId="10" xfId="0" applyFont="1" applyBorder="1" applyAlignment="1">
      <alignment horizontal="left" vertical="center" wrapText="1"/>
    </xf>
    <xf numFmtId="0" fontId="11" fillId="0" borderId="2" xfId="0" applyFont="1" applyBorder="1" applyAlignment="1">
      <alignment horizontal="left" vertical="center" wrapText="1"/>
    </xf>
    <xf numFmtId="0" fontId="11" fillId="0" borderId="9" xfId="0" applyFont="1" applyBorder="1" applyAlignment="1">
      <alignment horizontal="left" vertical="center" wrapText="1"/>
    </xf>
    <xf numFmtId="0" fontId="11" fillId="0" borderId="31" xfId="0" applyFont="1" applyFill="1" applyBorder="1" applyAlignment="1">
      <alignment horizontal="left" vertical="center" wrapText="1"/>
    </xf>
    <xf numFmtId="0" fontId="11" fillId="0" borderId="32" xfId="0" applyFont="1" applyFill="1" applyBorder="1" applyAlignment="1">
      <alignment horizontal="left" vertical="center" wrapText="1"/>
    </xf>
    <xf numFmtId="0" fontId="11" fillId="0" borderId="33" xfId="0" applyFont="1" applyFill="1" applyBorder="1" applyAlignment="1">
      <alignment horizontal="left" vertical="center" wrapText="1"/>
    </xf>
    <xf numFmtId="49" fontId="21" fillId="0" borderId="0" xfId="0" applyNumberFormat="1" applyFont="1" applyFill="1" applyAlignment="1">
      <alignment horizontal="left" vertical="center" wrapText="1"/>
    </xf>
    <xf numFmtId="0" fontId="22" fillId="0" borderId="0" xfId="5" applyFont="1" applyAlignment="1">
      <alignment horizontal="center" vertical="center"/>
    </xf>
    <xf numFmtId="0" fontId="21" fillId="5" borderId="34" xfId="5" applyFont="1" applyFill="1" applyBorder="1" applyAlignment="1">
      <alignment horizontal="center" vertical="top" wrapText="1"/>
    </xf>
    <xf numFmtId="0" fontId="21" fillId="5" borderId="39" xfId="5" applyFont="1" applyFill="1" applyBorder="1" applyAlignment="1">
      <alignment horizontal="center" vertical="top" wrapText="1"/>
    </xf>
    <xf numFmtId="0" fontId="21" fillId="5" borderId="35" xfId="5" applyFont="1" applyFill="1" applyBorder="1" applyAlignment="1">
      <alignment horizontal="left" vertical="top" wrapText="1"/>
    </xf>
    <xf numFmtId="0" fontId="21" fillId="5" borderId="36" xfId="5" applyFont="1" applyFill="1" applyBorder="1" applyAlignment="1">
      <alignment horizontal="left" vertical="top" wrapText="1"/>
    </xf>
    <xf numFmtId="0" fontId="21" fillId="5" borderId="11" xfId="5" applyFont="1" applyFill="1" applyBorder="1" applyAlignment="1">
      <alignment horizontal="left" vertical="top" wrapText="1"/>
    </xf>
    <xf numFmtId="0" fontId="21" fillId="5" borderId="13" xfId="5" applyFont="1" applyFill="1" applyBorder="1" applyAlignment="1">
      <alignment horizontal="left" vertical="top" wrapText="1"/>
    </xf>
    <xf numFmtId="0" fontId="21" fillId="5" borderId="37" xfId="5" applyFont="1" applyFill="1" applyBorder="1" applyAlignment="1">
      <alignment horizontal="center" vertical="top" wrapText="1"/>
    </xf>
    <xf numFmtId="0" fontId="21" fillId="5" borderId="6" xfId="5" applyFont="1" applyFill="1" applyBorder="1" applyAlignment="1">
      <alignment horizontal="center" vertical="top" wrapText="1"/>
    </xf>
    <xf numFmtId="3" fontId="21" fillId="5" borderId="38" xfId="5" applyNumberFormat="1" applyFont="1" applyFill="1" applyBorder="1" applyAlignment="1">
      <alignment horizontal="center" vertical="top" wrapText="1"/>
    </xf>
    <xf numFmtId="3" fontId="21" fillId="5" borderId="40" xfId="5" applyNumberFormat="1" applyFont="1" applyFill="1" applyBorder="1" applyAlignment="1">
      <alignment horizontal="center" vertical="top" wrapText="1"/>
    </xf>
    <xf numFmtId="0" fontId="21" fillId="5" borderId="46" xfId="5" applyFont="1" applyFill="1" applyBorder="1" applyAlignment="1">
      <alignment horizontal="center" vertical="top" wrapText="1"/>
    </xf>
    <xf numFmtId="0" fontId="21" fillId="5" borderId="47" xfId="5" applyFont="1" applyFill="1" applyBorder="1" applyAlignment="1">
      <alignment horizontal="center" vertical="top" wrapText="1"/>
    </xf>
    <xf numFmtId="0" fontId="21" fillId="5" borderId="48" xfId="5" applyFont="1" applyFill="1" applyBorder="1" applyAlignment="1">
      <alignment horizontal="center" vertical="top" wrapText="1"/>
    </xf>
    <xf numFmtId="164" fontId="21" fillId="5" borderId="46" xfId="5" applyNumberFormat="1" applyFont="1" applyFill="1" applyBorder="1" applyAlignment="1">
      <alignment horizontal="center" vertical="top" wrapText="1"/>
    </xf>
    <xf numFmtId="164" fontId="21" fillId="5" borderId="49" xfId="5" applyNumberFormat="1" applyFont="1" applyFill="1" applyBorder="1" applyAlignment="1">
      <alignment horizontal="center" vertical="top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3" applyFont="1" applyAlignment="1">
      <alignment horizontal="left" vertical="top" wrapText="1"/>
    </xf>
    <xf numFmtId="0" fontId="1" fillId="0" borderId="0" xfId="3" quotePrefix="1" applyFont="1" applyAlignment="1">
      <alignment horizontal="left" vertical="top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26" fillId="0" borderId="0" xfId="0" applyFont="1" applyAlignment="1" applyProtection="1">
      <alignment horizontal="left" wrapText="1"/>
      <protection locked="0"/>
    </xf>
    <xf numFmtId="0" fontId="22" fillId="0" borderId="0" xfId="0" applyNumberFormat="1" applyFont="1" applyAlignment="1" applyProtection="1">
      <alignment horizontal="left" vertical="center" wrapText="1"/>
      <protection locked="0"/>
    </xf>
    <xf numFmtId="0" fontId="29" fillId="0" borderId="0" xfId="0" applyFont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left" vertical="top" wrapText="1"/>
      <protection locked="0"/>
    </xf>
    <xf numFmtId="0" fontId="17" fillId="0" borderId="0" xfId="0" applyNumberFormat="1" applyFont="1" applyBorder="1" applyAlignment="1" applyProtection="1">
      <alignment horizontal="left" vertical="top" wrapText="1"/>
      <protection locked="0"/>
    </xf>
    <xf numFmtId="0" fontId="18" fillId="0" borderId="0" xfId="0" applyFont="1" applyAlignment="1" applyProtection="1">
      <alignment horizontal="left" vertical="center" wrapText="1"/>
      <protection locked="0"/>
    </xf>
    <xf numFmtId="0" fontId="18" fillId="0" borderId="0" xfId="0" applyNumberFormat="1" applyFont="1" applyBorder="1" applyAlignment="1" applyProtection="1">
      <alignment horizontal="left" vertical="top" wrapText="1"/>
      <protection locked="0"/>
    </xf>
    <xf numFmtId="0" fontId="18" fillId="0" borderId="0" xfId="0" applyFont="1" applyAlignment="1" applyProtection="1">
      <alignment wrapText="1"/>
      <protection locked="0"/>
    </xf>
    <xf numFmtId="0" fontId="18" fillId="0" borderId="0" xfId="0" applyFont="1" applyAlignment="1" applyProtection="1">
      <alignment horizontal="left" wrapText="1"/>
      <protection locked="0"/>
    </xf>
    <xf numFmtId="0" fontId="18" fillId="0" borderId="0" xfId="0" applyFont="1" applyAlignment="1">
      <alignment horizontal="left" vertical="center" wrapText="1"/>
    </xf>
    <xf numFmtId="0" fontId="18" fillId="0" borderId="0" xfId="0" applyNumberFormat="1" applyFont="1" applyBorder="1" applyAlignment="1" applyProtection="1">
      <alignment horizontal="left" wrapText="1"/>
      <protection locked="0"/>
    </xf>
    <xf numFmtId="14" fontId="18" fillId="0" borderId="0" xfId="0" applyNumberFormat="1" applyFont="1" applyBorder="1" applyAlignment="1" applyProtection="1">
      <alignment horizontal="left" wrapText="1"/>
      <protection locked="0"/>
    </xf>
    <xf numFmtId="0" fontId="18" fillId="0" borderId="0" xfId="0" applyFont="1" applyAlignment="1" applyProtection="1">
      <alignment horizontal="right"/>
      <protection locked="0"/>
    </xf>
    <xf numFmtId="0" fontId="17" fillId="0" borderId="5" xfId="0" applyNumberFormat="1" applyFont="1" applyBorder="1" applyAlignment="1">
      <alignment horizontal="center" vertical="top" wrapText="1"/>
    </xf>
    <xf numFmtId="0" fontId="25" fillId="0" borderId="0" xfId="0" applyFont="1" applyProtection="1">
      <protection locked="0"/>
    </xf>
    <xf numFmtId="0" fontId="25" fillId="0" borderId="0" xfId="0" applyFont="1" applyAlignment="1" applyProtection="1">
      <alignment horizontal="left" vertical="center" wrapText="1"/>
      <protection locked="0"/>
    </xf>
    <xf numFmtId="0" fontId="25" fillId="0" borderId="0" xfId="0" applyFont="1" applyAlignment="1" applyProtection="1">
      <alignment vertical="center"/>
      <protection locked="0"/>
    </xf>
    <xf numFmtId="0" fontId="31" fillId="0" borderId="0" xfId="0" applyNumberFormat="1" applyFont="1" applyAlignment="1" applyProtection="1">
      <alignment horizontal="left" vertical="center" wrapText="1"/>
      <protection locked="0"/>
    </xf>
    <xf numFmtId="0" fontId="29" fillId="0" borderId="0" xfId="3" applyFont="1" applyAlignment="1">
      <alignment horizontal="center" wrapText="1"/>
    </xf>
    <xf numFmtId="0" fontId="26" fillId="0" borderId="0" xfId="3" applyFont="1" applyAlignment="1">
      <alignment wrapText="1"/>
    </xf>
    <xf numFmtId="0" fontId="30" fillId="0" borderId="0" xfId="3" applyFont="1" applyAlignment="1">
      <alignment horizontal="left" vertical="top" wrapText="1"/>
    </xf>
    <xf numFmtId="0" fontId="11" fillId="0" borderId="0" xfId="3" applyFont="1" applyAlignment="1">
      <alignment horizontal="left" wrapText="1"/>
    </xf>
    <xf numFmtId="0" fontId="18" fillId="0" borderId="0" xfId="3" applyFont="1" applyAlignment="1">
      <alignment horizontal="left" wrapText="1"/>
    </xf>
    <xf numFmtId="0" fontId="18" fillId="0" borderId="0" xfId="3" applyFont="1" applyAlignment="1">
      <alignment horizontal="left" vertical="top" wrapText="1"/>
    </xf>
    <xf numFmtId="0" fontId="11" fillId="0" borderId="0" xfId="3" applyFont="1" applyAlignment="1">
      <alignment wrapText="1"/>
    </xf>
    <xf numFmtId="0" fontId="11" fillId="0" borderId="0" xfId="3" applyFont="1"/>
    <xf numFmtId="0" fontId="18" fillId="0" borderId="0" xfId="3" applyFont="1" applyAlignment="1">
      <alignment horizontal="left" vertical="center" wrapText="1"/>
    </xf>
    <xf numFmtId="0" fontId="18" fillId="0" borderId="0" xfId="3" applyFont="1" applyAlignment="1">
      <alignment vertical="top" wrapText="1"/>
    </xf>
    <xf numFmtId="0" fontId="18" fillId="0" borderId="0" xfId="3" applyFont="1" applyAlignment="1">
      <alignment wrapText="1"/>
    </xf>
    <xf numFmtId="0" fontId="18" fillId="0" borderId="0" xfId="3" applyFont="1" applyAlignment="1">
      <alignment vertical="center" wrapText="1"/>
    </xf>
    <xf numFmtId="0" fontId="18" fillId="0" borderId="0" xfId="3" applyFont="1" applyAlignment="1">
      <alignment horizontal="left" vertical="center" wrapText="1"/>
    </xf>
    <xf numFmtId="14" fontId="18" fillId="0" borderId="0" xfId="3" applyNumberFormat="1" applyFont="1" applyAlignment="1">
      <alignment horizontal="left" vertical="center" wrapText="1"/>
    </xf>
    <xf numFmtId="0" fontId="18" fillId="0" borderId="7" xfId="3" applyFont="1" applyBorder="1" applyAlignment="1">
      <alignment horizontal="left"/>
    </xf>
    <xf numFmtId="0" fontId="18" fillId="0" borderId="0" xfId="3" applyFont="1" applyAlignment="1">
      <alignment horizontal="right" vertical="center"/>
    </xf>
    <xf numFmtId="0" fontId="17" fillId="0" borderId="0" xfId="3" applyFont="1" applyAlignment="1">
      <alignment horizontal="center" vertical="center" wrapText="1"/>
    </xf>
    <xf numFmtId="0" fontId="18" fillId="0" borderId="0" xfId="3" applyFont="1"/>
    <xf numFmtId="0" fontId="18" fillId="0" borderId="0" xfId="3" applyFont="1" applyAlignment="1">
      <alignment horizontal="center"/>
    </xf>
    <xf numFmtId="0" fontId="11" fillId="0" borderId="0" xfId="3" applyFont="1" applyAlignment="1">
      <alignment horizontal="left"/>
    </xf>
    <xf numFmtId="49" fontId="12" fillId="0" borderId="0" xfId="3" applyNumberFormat="1" applyFont="1" applyAlignment="1">
      <alignment wrapText="1"/>
    </xf>
    <xf numFmtId="0" fontId="18" fillId="0" borderId="0" xfId="0" applyNumberFormat="1" applyFont="1" applyBorder="1" applyAlignment="1">
      <alignment horizontal="left" wrapText="1"/>
    </xf>
    <xf numFmtId="14" fontId="18" fillId="0" borderId="0" xfId="0" applyNumberFormat="1" applyFont="1" applyBorder="1" applyAlignment="1">
      <alignment horizontal="left" wrapText="1"/>
    </xf>
    <xf numFmtId="0" fontId="7" fillId="0" borderId="0" xfId="2" applyFont="1" applyAlignment="1">
      <alignment horizontal="left" vertical="center" wrapText="1"/>
    </xf>
    <xf numFmtId="0" fontId="18" fillId="0" borderId="0" xfId="0" applyFont="1" applyAlignment="1">
      <alignment horizontal="left" vertical="top" wrapText="1"/>
    </xf>
    <xf numFmtId="0" fontId="17" fillId="0" borderId="0" xfId="0" applyFont="1" applyBorder="1" applyAlignment="1">
      <alignment horizontal="left" wrapText="1"/>
    </xf>
    <xf numFmtId="0" fontId="18" fillId="0" borderId="0" xfId="0" applyFont="1" applyBorder="1" applyAlignment="1">
      <alignment horizontal="left" wrapText="1"/>
    </xf>
    <xf numFmtId="0" fontId="27" fillId="0" borderId="0" xfId="2" applyFont="1" applyBorder="1" applyAlignment="1">
      <alignment horizontal="left" vertical="center" wrapText="1"/>
    </xf>
    <xf numFmtId="49" fontId="17" fillId="0" borderId="0" xfId="0" applyNumberFormat="1" applyFont="1" applyAlignment="1">
      <alignment horizontal="left" wrapText="1"/>
    </xf>
    <xf numFmtId="0" fontId="17" fillId="0" borderId="0" xfId="0" applyFont="1" applyAlignment="1">
      <alignment horizontal="left" wrapText="1"/>
    </xf>
    <xf numFmtId="49" fontId="18" fillId="0" borderId="0" xfId="0" applyNumberFormat="1" applyFont="1" applyAlignment="1">
      <alignment horizontal="left" wrapText="1"/>
    </xf>
    <xf numFmtId="0" fontId="18" fillId="0" borderId="0" xfId="0" applyFont="1" applyAlignment="1">
      <alignment horizontal="left" wrapText="1"/>
    </xf>
    <xf numFmtId="0" fontId="18" fillId="0" borderId="0" xfId="0" applyFont="1" applyAlignment="1">
      <alignment horizontal="left" wrapText="1"/>
    </xf>
    <xf numFmtId="14" fontId="18" fillId="0" borderId="0" xfId="0" applyNumberFormat="1" applyFont="1" applyAlignment="1">
      <alignment horizontal="left" wrapText="1"/>
    </xf>
    <xf numFmtId="0" fontId="25" fillId="0" borderId="0" xfId="0" applyFont="1" applyAlignment="1">
      <alignment horizontal="left"/>
    </xf>
    <xf numFmtId="49" fontId="32" fillId="0" borderId="0" xfId="0" applyNumberFormat="1" applyFont="1" applyBorder="1" applyAlignment="1">
      <alignment wrapText="1"/>
    </xf>
    <xf numFmtId="0" fontId="25" fillId="0" borderId="0" xfId="0" applyFont="1" applyAlignment="1">
      <alignment vertical="center"/>
    </xf>
    <xf numFmtId="0" fontId="25" fillId="0" borderId="0" xfId="0" applyFont="1" applyAlignment="1"/>
    <xf numFmtId="0" fontId="18" fillId="0" borderId="0" xfId="0" applyFont="1" applyAlignment="1">
      <alignment horizontal="left"/>
    </xf>
    <xf numFmtId="0" fontId="22" fillId="0" borderId="0" xfId="0" applyNumberFormat="1" applyFont="1" applyAlignment="1">
      <alignment horizontal="left" vertical="center" wrapText="1"/>
    </xf>
    <xf numFmtId="0" fontId="29" fillId="0" borderId="0" xfId="0" applyFont="1" applyAlignment="1">
      <alignment horizontal="center" vertical="center"/>
    </xf>
    <xf numFmtId="0" fontId="17" fillId="0" borderId="0" xfId="0" applyFont="1" applyAlignment="1"/>
    <xf numFmtId="49" fontId="17" fillId="0" borderId="0" xfId="0" applyNumberFormat="1" applyFont="1" applyBorder="1" applyAlignment="1">
      <alignment horizontal="left" wrapText="1"/>
    </xf>
    <xf numFmtId="49" fontId="18" fillId="0" borderId="0" xfId="0" applyNumberFormat="1" applyFont="1" applyBorder="1" applyAlignment="1">
      <alignment horizontal="left" wrapText="1"/>
    </xf>
    <xf numFmtId="49" fontId="33" fillId="0" borderId="0" xfId="1" applyNumberFormat="1" applyFont="1" applyBorder="1" applyAlignment="1">
      <alignment horizontal="left" wrapText="1"/>
    </xf>
    <xf numFmtId="0" fontId="18" fillId="0" borderId="0" xfId="0" applyFont="1"/>
    <xf numFmtId="0" fontId="18" fillId="0" borderId="0" xfId="0" applyFont="1" applyAlignment="1">
      <alignment horizontal="center"/>
    </xf>
    <xf numFmtId="0" fontId="18" fillId="0" borderId="0" xfId="0" applyFont="1" applyAlignment="1">
      <alignment horizontal="center"/>
    </xf>
    <xf numFmtId="0" fontId="18" fillId="0" borderId="0" xfId="0" applyFont="1" applyAlignment="1"/>
    <xf numFmtId="0" fontId="25" fillId="0" borderId="0" xfId="0" applyFont="1"/>
    <xf numFmtId="49" fontId="25" fillId="0" borderId="0" xfId="0" applyNumberFormat="1" applyFont="1" applyBorder="1" applyAlignment="1">
      <alignment horizontal="left" vertical="center" wrapText="1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4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7"/>
  <sheetViews>
    <sheetView showGridLines="0" zoomScale="90" zoomScaleNormal="90" workbookViewId="0">
      <selection activeCell="J19" sqref="J19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81" t="s">
        <v>13</v>
      </c>
      <c r="B1" s="281"/>
    </row>
    <row r="2" spans="1:10" ht="34.5" customHeight="1" x14ac:dyDescent="0.25">
      <c r="A2" s="282" t="s">
        <v>85</v>
      </c>
      <c r="B2" s="282"/>
      <c r="C2" s="282"/>
      <c r="D2" s="282"/>
      <c r="E2" s="47"/>
      <c r="F2" s="47"/>
    </row>
    <row r="3" spans="1:10" ht="14.45" customHeight="1" x14ac:dyDescent="0.25">
      <c r="A3" s="158"/>
      <c r="B3" s="158"/>
      <c r="C3" s="158"/>
    </row>
    <row r="4" spans="1:10" s="4" customFormat="1" ht="24.95" customHeight="1" x14ac:dyDescent="0.25">
      <c r="A4" s="283" t="s">
        <v>0</v>
      </c>
      <c r="B4" s="283"/>
      <c r="C4" s="283"/>
      <c r="D4" s="283"/>
      <c r="E4" s="35"/>
      <c r="F4" s="35"/>
      <c r="G4" s="35"/>
      <c r="H4" s="35"/>
      <c r="I4" s="35"/>
      <c r="J4" s="35"/>
    </row>
    <row r="6" spans="1:10" ht="20.100000000000001" customHeight="1" x14ac:dyDescent="0.25">
      <c r="A6" s="274" t="s">
        <v>1</v>
      </c>
      <c r="B6" s="274"/>
      <c r="C6" s="160"/>
      <c r="D6" s="160"/>
      <c r="F6" s="10"/>
    </row>
    <row r="7" spans="1:10" ht="20.100000000000001" customHeight="1" x14ac:dyDescent="0.25">
      <c r="A7" s="274" t="s">
        <v>2</v>
      </c>
      <c r="B7" s="274"/>
      <c r="C7" s="159"/>
      <c r="D7" s="159"/>
    </row>
    <row r="8" spans="1:10" ht="20.100000000000001" customHeight="1" x14ac:dyDescent="0.25">
      <c r="A8" s="274" t="s">
        <v>3</v>
      </c>
      <c r="B8" s="274"/>
      <c r="C8" s="159"/>
      <c r="D8" s="159"/>
    </row>
    <row r="9" spans="1:10" ht="20.100000000000001" customHeight="1" x14ac:dyDescent="0.25">
      <c r="A9" s="274" t="s">
        <v>4</v>
      </c>
      <c r="B9" s="274"/>
      <c r="C9" s="159"/>
      <c r="D9" s="159"/>
    </row>
    <row r="10" spans="1:10" ht="13.9" x14ac:dyDescent="0.25">
      <c r="A10" s="2"/>
      <c r="B10" s="2"/>
      <c r="C10" s="2"/>
    </row>
    <row r="11" spans="1:10" x14ac:dyDescent="0.25">
      <c r="A11" s="272" t="s">
        <v>8</v>
      </c>
      <c r="B11" s="272"/>
      <c r="C11" s="272"/>
      <c r="D11" s="284"/>
      <c r="E11" s="3"/>
      <c r="F11" s="3"/>
      <c r="G11" s="3"/>
      <c r="H11" s="3"/>
      <c r="I11" s="3"/>
      <c r="J11" s="3"/>
    </row>
    <row r="12" spans="1:10" ht="20.100000000000001" customHeight="1" x14ac:dyDescent="0.25">
      <c r="A12" s="274" t="s">
        <v>5</v>
      </c>
      <c r="B12" s="274"/>
      <c r="C12" s="285"/>
      <c r="D12" s="285"/>
    </row>
    <row r="13" spans="1:10" ht="20.100000000000001" customHeight="1" x14ac:dyDescent="0.25">
      <c r="A13" s="274" t="s">
        <v>19</v>
      </c>
      <c r="B13" s="274"/>
      <c r="C13" s="285"/>
      <c r="D13" s="285"/>
    </row>
    <row r="14" spans="1:10" ht="20.100000000000001" customHeight="1" x14ac:dyDescent="0.25">
      <c r="A14" s="274" t="s">
        <v>6</v>
      </c>
      <c r="B14" s="274"/>
      <c r="C14" s="286"/>
      <c r="D14" s="286"/>
    </row>
    <row r="15" spans="1:10" ht="20.100000000000001" customHeight="1" x14ac:dyDescent="0.25">
      <c r="A15" s="274" t="s">
        <v>7</v>
      </c>
      <c r="B15" s="274"/>
      <c r="C15" s="287"/>
      <c r="D15" s="286"/>
    </row>
    <row r="16" spans="1:10" x14ac:dyDescent="0.25">
      <c r="A16" s="114"/>
      <c r="B16" s="114"/>
      <c r="C16" s="114"/>
      <c r="D16" s="288"/>
    </row>
    <row r="17" spans="1:12" ht="12.75" customHeight="1" x14ac:dyDescent="0.25">
      <c r="A17" s="289"/>
      <c r="B17" s="289"/>
      <c r="C17" s="289"/>
      <c r="D17" s="288"/>
    </row>
    <row r="18" spans="1:12" ht="24.95" customHeight="1" x14ac:dyDescent="0.25">
      <c r="A18" s="290"/>
      <c r="B18" s="290"/>
      <c r="C18" s="290"/>
      <c r="D18" s="288"/>
    </row>
    <row r="19" spans="1:12" ht="20.100000000000001" customHeight="1" x14ac:dyDescent="0.25">
      <c r="A19" s="288" t="s">
        <v>9</v>
      </c>
      <c r="B19" s="264"/>
      <c r="C19" s="264"/>
      <c r="D19" s="288"/>
    </row>
    <row r="20" spans="1:12" ht="20.100000000000001" customHeight="1" x14ac:dyDescent="0.25">
      <c r="A20" s="291" t="s">
        <v>11</v>
      </c>
      <c r="B20" s="265"/>
      <c r="C20" s="265"/>
      <c r="D20" s="288"/>
    </row>
    <row r="21" spans="1:12" x14ac:dyDescent="0.25">
      <c r="A21" s="288"/>
      <c r="B21" s="288"/>
      <c r="C21" s="288"/>
      <c r="D21" s="288"/>
    </row>
    <row r="22" spans="1:12" s="11" customFormat="1" ht="24.95" customHeight="1" x14ac:dyDescent="0.25">
      <c r="A22" s="232"/>
      <c r="B22" s="232"/>
      <c r="C22" s="237" t="s">
        <v>28</v>
      </c>
      <c r="D22" s="114"/>
      <c r="K22" s="25"/>
      <c r="L22" s="25"/>
    </row>
    <row r="23" spans="1:12" s="11" customFormat="1" ht="24.95" customHeight="1" x14ac:dyDescent="0.25">
      <c r="A23" s="232"/>
      <c r="B23" s="232"/>
      <c r="C23" s="237" t="s">
        <v>29</v>
      </c>
      <c r="D23" s="238"/>
    </row>
    <row r="26" spans="1:12" s="6" customFormat="1" ht="11.25" x14ac:dyDescent="0.2">
      <c r="A26" s="277" t="s">
        <v>12</v>
      </c>
      <c r="B26" s="277"/>
      <c r="C26" s="292"/>
    </row>
    <row r="27" spans="1:12" s="7" customFormat="1" ht="15" customHeight="1" x14ac:dyDescent="0.2">
      <c r="A27" s="278"/>
      <c r="B27" s="293" t="s">
        <v>14</v>
      </c>
      <c r="C27" s="293"/>
      <c r="D27" s="8"/>
      <c r="E27" s="9"/>
    </row>
  </sheetData>
  <mergeCells count="26"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</mergeCells>
  <conditionalFormatting sqref="C6:D6">
    <cfRule type="containsBlanks" dxfId="39" priority="16">
      <formula>LEN(TRIM(C6))=0</formula>
    </cfRule>
  </conditionalFormatting>
  <conditionalFormatting sqref="C7:D9">
    <cfRule type="containsBlanks" dxfId="38" priority="13">
      <formula>LEN(TRIM(C7))=0</formula>
    </cfRule>
  </conditionalFormatting>
  <conditionalFormatting sqref="C12:D15">
    <cfRule type="containsBlanks" dxfId="37" priority="12">
      <formula>LEN(TRIM(C12))=0</formula>
    </cfRule>
  </conditionalFormatting>
  <conditionalFormatting sqref="A27:B27">
    <cfRule type="containsBlanks" dxfId="36" priority="11">
      <formula>LEN(TRIM(A27))=0</formula>
    </cfRule>
  </conditionalFormatting>
  <conditionalFormatting sqref="B19:C20">
    <cfRule type="containsBlanks" dxfId="35" priority="4">
      <formula>LEN(TRIM(B19))=0</formula>
    </cfRule>
  </conditionalFormatting>
  <conditionalFormatting sqref="D23">
    <cfRule type="containsBlanks" dxfId="34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70"/>
  <sheetViews>
    <sheetView showGridLines="0" topLeftCell="A43" zoomScale="90" zoomScaleNormal="90" workbookViewId="0">
      <selection activeCell="G53" sqref="G53:H53"/>
    </sheetView>
  </sheetViews>
  <sheetFormatPr defaultColWidth="9.140625" defaultRowHeight="15" x14ac:dyDescent="0.25"/>
  <cols>
    <col min="1" max="1" width="6" style="2" customWidth="1"/>
    <col min="2" max="2" width="57.85546875" style="2" customWidth="1"/>
    <col min="3" max="3" width="14.85546875" style="2" customWidth="1"/>
    <col min="4" max="4" width="31.85546875" style="2" customWidth="1"/>
    <col min="5" max="5" width="18.140625" style="2" customWidth="1"/>
    <col min="6" max="16384" width="9.140625" style="2"/>
  </cols>
  <sheetData>
    <row r="1" spans="1:6" s="5" customFormat="1" ht="21" customHeight="1" x14ac:dyDescent="0.25">
      <c r="A1" s="165" t="s">
        <v>13</v>
      </c>
      <c r="B1" s="165"/>
      <c r="C1" s="27"/>
      <c r="D1" s="27"/>
      <c r="E1" s="27"/>
    </row>
    <row r="2" spans="1:6" s="5" customFormat="1" ht="14.25" customHeight="1" x14ac:dyDescent="0.25">
      <c r="A2" s="46" t="s">
        <v>85</v>
      </c>
      <c r="B2" s="45"/>
      <c r="C2" s="27"/>
      <c r="D2" s="27"/>
      <c r="E2" s="27"/>
    </row>
    <row r="3" spans="1:6" s="5" customFormat="1" ht="24.95" customHeight="1" x14ac:dyDescent="0.25">
      <c r="A3" s="166" t="s">
        <v>23</v>
      </c>
      <c r="B3" s="166"/>
      <c r="C3" s="166"/>
      <c r="D3" s="166"/>
      <c r="E3" s="166"/>
    </row>
    <row r="4" spans="1:6" ht="15.75" thickBot="1" x14ac:dyDescent="0.3">
      <c r="B4" s="28"/>
    </row>
    <row r="5" spans="1:6" s="5" customFormat="1" ht="72" customHeight="1" x14ac:dyDescent="0.25">
      <c r="A5" s="167" t="s">
        <v>24</v>
      </c>
      <c r="B5" s="168"/>
      <c r="C5" s="171" t="s">
        <v>34</v>
      </c>
      <c r="D5" s="172"/>
      <c r="E5" s="173"/>
      <c r="F5" s="139"/>
    </row>
    <row r="6" spans="1:6" s="5" customFormat="1" ht="63.75" customHeight="1" thickBot="1" x14ac:dyDescent="0.3">
      <c r="A6" s="169"/>
      <c r="B6" s="170"/>
      <c r="C6" s="142" t="s">
        <v>25</v>
      </c>
      <c r="D6" s="174" t="s">
        <v>26</v>
      </c>
      <c r="E6" s="175"/>
      <c r="F6" s="139"/>
    </row>
    <row r="7" spans="1:6" s="4" customFormat="1" ht="36" customHeight="1" thickBot="1" x14ac:dyDescent="0.3">
      <c r="A7" s="176" t="s">
        <v>86</v>
      </c>
      <c r="B7" s="177"/>
      <c r="C7" s="177"/>
      <c r="D7" s="177"/>
      <c r="E7" s="178"/>
    </row>
    <row r="8" spans="1:6" s="4" customFormat="1" ht="32.25" customHeight="1" x14ac:dyDescent="0.25">
      <c r="A8" s="143" t="s">
        <v>15</v>
      </c>
      <c r="B8" s="144" t="s">
        <v>87</v>
      </c>
      <c r="C8" s="99"/>
      <c r="D8" s="161"/>
      <c r="E8" s="162"/>
      <c r="F8" s="29"/>
    </row>
    <row r="9" spans="1:6" s="4" customFormat="1" ht="21.75" customHeight="1" x14ac:dyDescent="0.25">
      <c r="A9" s="143" t="s">
        <v>16</v>
      </c>
      <c r="B9" s="144" t="s">
        <v>88</v>
      </c>
      <c r="C9" s="99"/>
      <c r="D9" s="161"/>
      <c r="E9" s="162"/>
      <c r="F9" s="29"/>
    </row>
    <row r="10" spans="1:6" s="4" customFormat="1" ht="19.5" customHeight="1" x14ac:dyDescent="0.25">
      <c r="A10" s="143" t="s">
        <v>17</v>
      </c>
      <c r="B10" s="144" t="s">
        <v>89</v>
      </c>
      <c r="C10" s="99"/>
      <c r="D10" s="161"/>
      <c r="E10" s="162"/>
      <c r="F10" s="29"/>
    </row>
    <row r="11" spans="1:6" s="4" customFormat="1" ht="36.75" customHeight="1" x14ac:dyDescent="0.25">
      <c r="A11" s="143" t="s">
        <v>18</v>
      </c>
      <c r="B11" s="144" t="s">
        <v>94</v>
      </c>
      <c r="C11" s="99"/>
      <c r="D11" s="161"/>
      <c r="E11" s="162"/>
      <c r="F11" s="29"/>
    </row>
    <row r="12" spans="1:6" s="4" customFormat="1" ht="21" customHeight="1" x14ac:dyDescent="0.25">
      <c r="A12" s="143" t="s">
        <v>20</v>
      </c>
      <c r="B12" s="144" t="s">
        <v>91</v>
      </c>
      <c r="C12" s="99"/>
      <c r="D12" s="161"/>
      <c r="E12" s="162"/>
      <c r="F12" s="29"/>
    </row>
    <row r="13" spans="1:6" s="4" customFormat="1" ht="18" customHeight="1" x14ac:dyDescent="0.25">
      <c r="A13" s="143" t="s">
        <v>50</v>
      </c>
      <c r="B13" s="144" t="s">
        <v>92</v>
      </c>
      <c r="C13" s="99"/>
      <c r="D13" s="161"/>
      <c r="E13" s="162"/>
      <c r="F13" s="29"/>
    </row>
    <row r="14" spans="1:6" s="4" customFormat="1" ht="21.75" customHeight="1" x14ac:dyDescent="0.25">
      <c r="A14" s="143" t="s">
        <v>49</v>
      </c>
      <c r="B14" s="144" t="s">
        <v>93</v>
      </c>
      <c r="C14" s="99"/>
      <c r="D14" s="161"/>
      <c r="E14" s="162"/>
      <c r="F14" s="29"/>
    </row>
    <row r="15" spans="1:6" s="4" customFormat="1" ht="27.75" customHeight="1" x14ac:dyDescent="0.25">
      <c r="A15" s="143" t="s">
        <v>48</v>
      </c>
      <c r="B15" s="144" t="s">
        <v>95</v>
      </c>
      <c r="C15" s="99"/>
      <c r="D15" s="161"/>
      <c r="E15" s="162"/>
      <c r="F15" s="29"/>
    </row>
    <row r="16" spans="1:6" s="4" customFormat="1" ht="20.25" customHeight="1" x14ac:dyDescent="0.25">
      <c r="A16" s="143" t="s">
        <v>47</v>
      </c>
      <c r="B16" s="144" t="s">
        <v>96</v>
      </c>
      <c r="C16" s="99"/>
      <c r="D16" s="161"/>
      <c r="E16" s="162"/>
      <c r="F16" s="29"/>
    </row>
    <row r="17" spans="1:6" s="4" customFormat="1" ht="34.5" customHeight="1" x14ac:dyDescent="0.25">
      <c r="A17" s="143" t="s">
        <v>46</v>
      </c>
      <c r="B17" s="144" t="s">
        <v>97</v>
      </c>
      <c r="C17" s="99"/>
      <c r="D17" s="161"/>
      <c r="E17" s="162"/>
      <c r="F17" s="29"/>
    </row>
    <row r="18" spans="1:6" s="4" customFormat="1" ht="38.25" customHeight="1" x14ac:dyDescent="0.25">
      <c r="A18" s="143" t="s">
        <v>45</v>
      </c>
      <c r="B18" s="144" t="s">
        <v>98</v>
      </c>
      <c r="C18" s="99"/>
      <c r="D18" s="161"/>
      <c r="E18" s="162"/>
      <c r="F18" s="29"/>
    </row>
    <row r="19" spans="1:6" s="4" customFormat="1" ht="32.25" customHeight="1" x14ac:dyDescent="0.25">
      <c r="A19" s="143" t="s">
        <v>44</v>
      </c>
      <c r="B19" s="144" t="s">
        <v>99</v>
      </c>
      <c r="C19" s="99"/>
      <c r="D19" s="161"/>
      <c r="E19" s="162"/>
      <c r="F19" s="29"/>
    </row>
    <row r="20" spans="1:6" s="4" customFormat="1" ht="33.75" customHeight="1" x14ac:dyDescent="0.25">
      <c r="A20" s="143" t="s">
        <v>65</v>
      </c>
      <c r="B20" s="144" t="s">
        <v>100</v>
      </c>
      <c r="C20" s="99"/>
      <c r="D20" s="161"/>
      <c r="E20" s="162"/>
      <c r="F20" s="29"/>
    </row>
    <row r="21" spans="1:6" s="4" customFormat="1" ht="46.5" customHeight="1" x14ac:dyDescent="0.25">
      <c r="A21" s="140" t="s">
        <v>70</v>
      </c>
      <c r="B21" s="101" t="s">
        <v>101</v>
      </c>
      <c r="C21" s="100"/>
      <c r="D21" s="161"/>
      <c r="E21" s="162"/>
      <c r="F21" s="29"/>
    </row>
    <row r="22" spans="1:6" s="4" customFormat="1" ht="33" customHeight="1" x14ac:dyDescent="0.25">
      <c r="A22" s="140" t="s">
        <v>71</v>
      </c>
      <c r="B22" s="101" t="s">
        <v>102</v>
      </c>
      <c r="C22" s="100"/>
      <c r="D22" s="161"/>
      <c r="E22" s="162"/>
      <c r="F22" s="29"/>
    </row>
    <row r="23" spans="1:6" s="4" customFormat="1" ht="30.75" customHeight="1" x14ac:dyDescent="0.25">
      <c r="A23" s="140" t="s">
        <v>90</v>
      </c>
      <c r="B23" s="102" t="s">
        <v>103</v>
      </c>
      <c r="C23" s="100"/>
      <c r="D23" s="161"/>
      <c r="E23" s="162"/>
      <c r="F23" s="29"/>
    </row>
    <row r="24" spans="1:6" s="4" customFormat="1" ht="51" customHeight="1" x14ac:dyDescent="0.25">
      <c r="A24" s="149" t="s">
        <v>108</v>
      </c>
      <c r="B24" s="103" t="s">
        <v>104</v>
      </c>
      <c r="C24" s="100"/>
      <c r="D24" s="161"/>
      <c r="E24" s="162"/>
      <c r="F24" s="29"/>
    </row>
    <row r="25" spans="1:6" s="4" customFormat="1" ht="36.75" customHeight="1" x14ac:dyDescent="0.25">
      <c r="A25" s="149" t="s">
        <v>109</v>
      </c>
      <c r="B25" s="101" t="s">
        <v>105</v>
      </c>
      <c r="C25" s="100"/>
      <c r="D25" s="161"/>
      <c r="E25" s="162"/>
      <c r="F25" s="29"/>
    </row>
    <row r="26" spans="1:6" s="4" customFormat="1" ht="42" customHeight="1" x14ac:dyDescent="0.25">
      <c r="A26" s="150" t="s">
        <v>110</v>
      </c>
      <c r="B26" s="101" t="s">
        <v>106</v>
      </c>
      <c r="C26" s="100"/>
      <c r="D26" s="161"/>
      <c r="E26" s="162"/>
      <c r="F26" s="29"/>
    </row>
    <row r="27" spans="1:6" s="4" customFormat="1" ht="54" customHeight="1" x14ac:dyDescent="0.25">
      <c r="A27" s="150" t="s">
        <v>111</v>
      </c>
      <c r="B27" s="101" t="s">
        <v>107</v>
      </c>
      <c r="C27" s="100"/>
      <c r="D27" s="161"/>
      <c r="E27" s="162"/>
      <c r="F27" s="29"/>
    </row>
    <row r="28" spans="1:6" s="4" customFormat="1" ht="31.5" customHeight="1" x14ac:dyDescent="0.25">
      <c r="A28" s="141" t="s">
        <v>112</v>
      </c>
      <c r="B28" s="101" t="s">
        <v>135</v>
      </c>
      <c r="C28" s="100"/>
      <c r="D28" s="161"/>
      <c r="E28" s="162"/>
      <c r="F28" s="29"/>
    </row>
    <row r="29" spans="1:6" s="4" customFormat="1" ht="45.75" customHeight="1" x14ac:dyDescent="0.25">
      <c r="A29" s="141" t="s">
        <v>114</v>
      </c>
      <c r="B29" s="101" t="s">
        <v>113</v>
      </c>
      <c r="C29" s="100"/>
      <c r="D29" s="161"/>
      <c r="E29" s="162"/>
      <c r="F29" s="29"/>
    </row>
    <row r="30" spans="1:6" s="4" customFormat="1" ht="27.75" customHeight="1" x14ac:dyDescent="0.25">
      <c r="A30" s="151" t="s">
        <v>116</v>
      </c>
      <c r="B30" s="179" t="s">
        <v>115</v>
      </c>
      <c r="C30" s="180"/>
      <c r="D30" s="180"/>
      <c r="E30" s="181"/>
      <c r="F30" s="29"/>
    </row>
    <row r="31" spans="1:6" s="4" customFormat="1" ht="32.25" customHeight="1" x14ac:dyDescent="0.25">
      <c r="A31" s="141">
        <v>44584</v>
      </c>
      <c r="B31" s="101" t="s">
        <v>117</v>
      </c>
      <c r="C31" s="100"/>
      <c r="D31" s="161"/>
      <c r="E31" s="162"/>
      <c r="F31" s="29"/>
    </row>
    <row r="32" spans="1:6" s="4" customFormat="1" ht="35.25" customHeight="1" x14ac:dyDescent="0.25">
      <c r="A32" s="141">
        <v>44615</v>
      </c>
      <c r="B32" s="101" t="s">
        <v>118</v>
      </c>
      <c r="C32" s="100"/>
      <c r="D32" s="161"/>
      <c r="E32" s="162"/>
      <c r="F32" s="29"/>
    </row>
    <row r="33" spans="1:6" s="4" customFormat="1" ht="29.25" customHeight="1" x14ac:dyDescent="0.25">
      <c r="A33" s="141">
        <v>44643</v>
      </c>
      <c r="B33" s="101" t="s">
        <v>119</v>
      </c>
      <c r="C33" s="100"/>
      <c r="D33" s="161"/>
      <c r="E33" s="162"/>
      <c r="F33" s="29"/>
    </row>
    <row r="34" spans="1:6" s="4" customFormat="1" ht="24" customHeight="1" x14ac:dyDescent="0.25">
      <c r="A34" s="141">
        <v>44674</v>
      </c>
      <c r="B34" s="101" t="s">
        <v>126</v>
      </c>
      <c r="C34" s="100"/>
      <c r="D34" s="161"/>
      <c r="E34" s="162"/>
      <c r="F34" s="29"/>
    </row>
    <row r="35" spans="1:6" s="4" customFormat="1" ht="45.75" customHeight="1" x14ac:dyDescent="0.25">
      <c r="A35" s="141">
        <v>44704</v>
      </c>
      <c r="B35" s="101" t="s">
        <v>120</v>
      </c>
      <c r="C35" s="100"/>
      <c r="D35" s="161"/>
      <c r="E35" s="162"/>
      <c r="F35" s="29"/>
    </row>
    <row r="36" spans="1:6" s="4" customFormat="1" ht="45.75" customHeight="1" x14ac:dyDescent="0.25">
      <c r="A36" s="141">
        <v>44735</v>
      </c>
      <c r="B36" s="101" t="s">
        <v>121</v>
      </c>
      <c r="C36" s="100"/>
      <c r="D36" s="161"/>
      <c r="E36" s="162"/>
      <c r="F36" s="29"/>
    </row>
    <row r="37" spans="1:6" s="4" customFormat="1" ht="42.75" customHeight="1" x14ac:dyDescent="0.25">
      <c r="A37" s="141">
        <v>44765</v>
      </c>
      <c r="B37" s="101" t="s">
        <v>122</v>
      </c>
      <c r="C37" s="100"/>
      <c r="D37" s="161"/>
      <c r="E37" s="162"/>
      <c r="F37" s="29"/>
    </row>
    <row r="38" spans="1:6" s="4" customFormat="1" ht="22.5" customHeight="1" x14ac:dyDescent="0.25">
      <c r="A38" s="141">
        <v>44796</v>
      </c>
      <c r="B38" s="101" t="s">
        <v>123</v>
      </c>
      <c r="C38" s="100"/>
      <c r="D38" s="161"/>
      <c r="E38" s="162"/>
      <c r="F38" s="29"/>
    </row>
    <row r="39" spans="1:6" s="4" customFormat="1" ht="24" customHeight="1" x14ac:dyDescent="0.25">
      <c r="A39" s="141">
        <v>44827</v>
      </c>
      <c r="B39" s="101" t="s">
        <v>124</v>
      </c>
      <c r="C39" s="100"/>
      <c r="D39" s="161"/>
      <c r="E39" s="162"/>
      <c r="F39" s="29"/>
    </row>
    <row r="40" spans="1:6" s="4" customFormat="1" ht="42.75" customHeight="1" x14ac:dyDescent="0.25">
      <c r="A40" s="141">
        <v>44857</v>
      </c>
      <c r="B40" s="101" t="s">
        <v>125</v>
      </c>
      <c r="C40" s="100"/>
      <c r="D40" s="161"/>
      <c r="E40" s="162"/>
      <c r="F40" s="29"/>
    </row>
    <row r="41" spans="1:6" s="4" customFormat="1" ht="29.25" customHeight="1" x14ac:dyDescent="0.25">
      <c r="A41" s="141">
        <v>44888</v>
      </c>
      <c r="B41" s="101" t="s">
        <v>127</v>
      </c>
      <c r="C41" s="100"/>
      <c r="D41" s="161"/>
      <c r="E41" s="162"/>
      <c r="F41" s="29"/>
    </row>
    <row r="42" spans="1:6" s="4" customFormat="1" ht="31.5" customHeight="1" x14ac:dyDescent="0.25">
      <c r="A42" s="141">
        <v>44918</v>
      </c>
      <c r="B42" s="101" t="s">
        <v>128</v>
      </c>
      <c r="C42" s="100"/>
      <c r="D42" s="161"/>
      <c r="E42" s="162"/>
      <c r="F42" s="29"/>
    </row>
    <row r="43" spans="1:6" s="4" customFormat="1" ht="27" customHeight="1" x14ac:dyDescent="0.25">
      <c r="A43" s="141" t="s">
        <v>131</v>
      </c>
      <c r="B43" s="101" t="s">
        <v>129</v>
      </c>
      <c r="C43" s="100"/>
      <c r="D43" s="161"/>
      <c r="E43" s="162"/>
      <c r="F43" s="29"/>
    </row>
    <row r="44" spans="1:6" s="4" customFormat="1" ht="21.75" customHeight="1" x14ac:dyDescent="0.25">
      <c r="A44" s="141" t="s">
        <v>132</v>
      </c>
      <c r="B44" s="101" t="s">
        <v>130</v>
      </c>
      <c r="C44" s="100"/>
      <c r="D44" s="161"/>
      <c r="E44" s="162"/>
      <c r="F44" s="29"/>
    </row>
    <row r="45" spans="1:6" s="4" customFormat="1" ht="24.95" customHeight="1" thickBot="1" x14ac:dyDescent="0.3">
      <c r="A45" s="145" t="s">
        <v>134</v>
      </c>
      <c r="B45" s="146" t="s">
        <v>133</v>
      </c>
      <c r="C45" s="147"/>
      <c r="D45" s="163"/>
      <c r="E45" s="164"/>
      <c r="F45" s="29"/>
    </row>
    <row r="46" spans="1:6" s="5" customFormat="1" ht="15" customHeight="1" x14ac:dyDescent="0.25">
      <c r="A46" s="28"/>
      <c r="B46" s="28"/>
      <c r="C46" s="2"/>
      <c r="D46" s="28"/>
      <c r="E46" s="2"/>
    </row>
    <row r="47" spans="1:6" ht="24.95" customHeight="1" x14ac:dyDescent="0.25">
      <c r="A47" s="266" t="s">
        <v>21</v>
      </c>
      <c r="B47" s="266"/>
      <c r="C47" s="266"/>
      <c r="D47" s="266"/>
      <c r="E47" s="266"/>
    </row>
    <row r="48" spans="1:6" ht="20.100000000000001" customHeight="1" x14ac:dyDescent="0.25">
      <c r="A48" s="267" t="s">
        <v>1</v>
      </c>
      <c r="B48" s="267"/>
      <c r="C48" s="268" t="str">
        <f>IF('Príloha č. 1'!$C$6="","",'Príloha č. 1'!$C$6)</f>
        <v/>
      </c>
      <c r="D48" s="268"/>
      <c r="E48" s="114"/>
    </row>
    <row r="49" spans="1:12" ht="20.100000000000001" customHeight="1" x14ac:dyDescent="0.25">
      <c r="A49" s="267" t="s">
        <v>2</v>
      </c>
      <c r="B49" s="267"/>
      <c r="C49" s="269" t="str">
        <f>IF('Príloha č. 1'!$C$7="","",'Príloha č. 1'!$C$7)</f>
        <v/>
      </c>
      <c r="D49" s="269"/>
      <c r="E49" s="114"/>
    </row>
    <row r="50" spans="1:12" ht="20.100000000000001" customHeight="1" x14ac:dyDescent="0.25">
      <c r="A50" s="267" t="s">
        <v>3</v>
      </c>
      <c r="B50" s="267"/>
      <c r="C50" s="269" t="str">
        <f>IF('Príloha č. 1'!$C$8="","",'Príloha č. 1'!$C$8)</f>
        <v/>
      </c>
      <c r="D50" s="269"/>
      <c r="E50" s="114"/>
    </row>
    <row r="51" spans="1:12" ht="20.100000000000001" customHeight="1" x14ac:dyDescent="0.25">
      <c r="A51" s="267" t="s">
        <v>4</v>
      </c>
      <c r="B51" s="267"/>
      <c r="C51" s="269" t="str">
        <f>IF('Príloha č. 1'!$C$9="","",'Príloha č. 1'!$C$9)</f>
        <v/>
      </c>
      <c r="D51" s="269"/>
      <c r="E51" s="114"/>
    </row>
    <row r="52" spans="1:12" ht="15" customHeight="1" x14ac:dyDescent="0.25"/>
    <row r="53" spans="1:12" ht="32.450000000000003" customHeight="1" x14ac:dyDescent="0.25">
      <c r="A53" s="270" t="s">
        <v>35</v>
      </c>
      <c r="B53" s="270"/>
      <c r="C53" s="270"/>
      <c r="D53" s="270"/>
      <c r="E53" s="21"/>
    </row>
    <row r="54" spans="1:12" ht="20.100000000000001" customHeight="1" x14ac:dyDescent="0.25">
      <c r="A54" s="267" t="s">
        <v>5</v>
      </c>
      <c r="B54" s="267"/>
      <c r="C54" s="271"/>
      <c r="D54" s="272"/>
      <c r="E54" s="5"/>
    </row>
    <row r="55" spans="1:12" ht="20.100000000000001" customHeight="1" x14ac:dyDescent="0.25">
      <c r="A55" s="267" t="s">
        <v>19</v>
      </c>
      <c r="B55" s="267"/>
      <c r="C55" s="273"/>
      <c r="D55" s="274"/>
      <c r="E55" s="5"/>
    </row>
    <row r="56" spans="1:12" ht="20.100000000000001" customHeight="1" x14ac:dyDescent="0.25">
      <c r="A56" s="267" t="s">
        <v>6</v>
      </c>
      <c r="B56" s="267"/>
      <c r="C56" s="273"/>
      <c r="D56" s="274"/>
      <c r="E56" s="5"/>
    </row>
    <row r="57" spans="1:12" ht="20.100000000000001" customHeight="1" x14ac:dyDescent="0.25">
      <c r="A57" s="267" t="s">
        <v>7</v>
      </c>
      <c r="B57" s="267"/>
      <c r="C57" s="273"/>
      <c r="D57" s="274"/>
      <c r="E57" s="5"/>
    </row>
    <row r="58" spans="1:12" x14ac:dyDescent="0.25">
      <c r="A58" s="114"/>
      <c r="B58" s="114"/>
      <c r="C58" s="114"/>
      <c r="D58" s="114"/>
    </row>
    <row r="59" spans="1:12" ht="20.100000000000001" customHeight="1" x14ac:dyDescent="0.25">
      <c r="A59" s="114" t="s">
        <v>9</v>
      </c>
      <c r="B59" s="275" t="str">
        <f>IF('Príloha č. 1'!B19:C19="","",'Príloha č. 1'!B19:C19)</f>
        <v/>
      </c>
      <c r="C59" s="114"/>
      <c r="D59" s="114"/>
    </row>
    <row r="60" spans="1:12" ht="20.100000000000001" customHeight="1" x14ac:dyDescent="0.25">
      <c r="A60" s="114" t="s">
        <v>10</v>
      </c>
      <c r="B60" s="276" t="str">
        <f>IF('Príloha č. 1'!B20:C20="","",'Príloha č. 1'!B20:C20)</f>
        <v/>
      </c>
      <c r="C60" s="114"/>
      <c r="D60" s="114"/>
    </row>
    <row r="61" spans="1:12" x14ac:dyDescent="0.25">
      <c r="A61" s="114"/>
      <c r="B61" s="114"/>
      <c r="C61" s="114"/>
      <c r="D61" s="114"/>
    </row>
    <row r="62" spans="1:12" s="11" customFormat="1" ht="24.95" customHeight="1" x14ac:dyDescent="0.25">
      <c r="A62" s="232"/>
      <c r="B62" s="232"/>
      <c r="C62" s="237" t="s">
        <v>28</v>
      </c>
      <c r="D62" s="114"/>
      <c r="K62" s="25"/>
      <c r="L62" s="25"/>
    </row>
    <row r="63" spans="1:12" s="11" customFormat="1" ht="24.95" customHeight="1" x14ac:dyDescent="0.25">
      <c r="A63" s="232"/>
      <c r="B63" s="232"/>
      <c r="C63" s="237" t="s">
        <v>29</v>
      </c>
      <c r="D63" s="238"/>
    </row>
    <row r="64" spans="1:12" s="11" customFormat="1" ht="11.25" customHeight="1" x14ac:dyDescent="0.25">
      <c r="C64" s="32"/>
    </row>
    <row r="65" spans="1:4" ht="6.75" customHeight="1" x14ac:dyDescent="0.25"/>
    <row r="66" spans="1:4" x14ac:dyDescent="0.25">
      <c r="A66" s="277" t="s">
        <v>12</v>
      </c>
      <c r="B66" s="277"/>
      <c r="C66" s="277"/>
      <c r="D66" s="277"/>
    </row>
    <row r="67" spans="1:4" ht="15" customHeight="1" x14ac:dyDescent="0.25">
      <c r="A67" s="278"/>
      <c r="B67" s="279" t="s">
        <v>14</v>
      </c>
      <c r="C67" s="279"/>
      <c r="D67" s="280"/>
    </row>
    <row r="69" spans="1:4" ht="22.5" customHeight="1" x14ac:dyDescent="0.25"/>
    <row r="70" spans="1:4" ht="21" customHeight="1" x14ac:dyDescent="0.25"/>
  </sheetData>
  <mergeCells count="63">
    <mergeCell ref="D38:E38"/>
    <mergeCell ref="D39:E39"/>
    <mergeCell ref="D40:E40"/>
    <mergeCell ref="D41:E41"/>
    <mergeCell ref="D9:E9"/>
    <mergeCell ref="D10:E10"/>
    <mergeCell ref="D20:E20"/>
    <mergeCell ref="D19:E19"/>
    <mergeCell ref="D11:E11"/>
    <mergeCell ref="D12:E12"/>
    <mergeCell ref="D14:E14"/>
    <mergeCell ref="D13:E13"/>
    <mergeCell ref="D15:E15"/>
    <mergeCell ref="D16:E16"/>
    <mergeCell ref="D17:E17"/>
    <mergeCell ref="D18:E18"/>
    <mergeCell ref="A7:E7"/>
    <mergeCell ref="D44:E44"/>
    <mergeCell ref="A55:B55"/>
    <mergeCell ref="C55:D55"/>
    <mergeCell ref="D8:E8"/>
    <mergeCell ref="D21:E21"/>
    <mergeCell ref="A47:E47"/>
    <mergeCell ref="A48:B48"/>
    <mergeCell ref="C48:D48"/>
    <mergeCell ref="A53:D53"/>
    <mergeCell ref="A54:B54"/>
    <mergeCell ref="C54:D54"/>
    <mergeCell ref="A49:B49"/>
    <mergeCell ref="A51:B51"/>
    <mergeCell ref="C51:D51"/>
    <mergeCell ref="A50:B50"/>
    <mergeCell ref="A1:B1"/>
    <mergeCell ref="A3:E3"/>
    <mergeCell ref="A5:B6"/>
    <mergeCell ref="C5:E5"/>
    <mergeCell ref="D6:E6"/>
    <mergeCell ref="A66:D66"/>
    <mergeCell ref="A56:B56"/>
    <mergeCell ref="C56:D56"/>
    <mergeCell ref="A57:B57"/>
    <mergeCell ref="C57:D57"/>
    <mergeCell ref="D22:E22"/>
    <mergeCell ref="D23:E23"/>
    <mergeCell ref="D24:E24"/>
    <mergeCell ref="D25:E25"/>
    <mergeCell ref="D26:E26"/>
    <mergeCell ref="C50:D50"/>
    <mergeCell ref="D31:E31"/>
    <mergeCell ref="D32:E32"/>
    <mergeCell ref="D27:E27"/>
    <mergeCell ref="D28:E28"/>
    <mergeCell ref="D29:E29"/>
    <mergeCell ref="D45:E45"/>
    <mergeCell ref="C49:D49"/>
    <mergeCell ref="D34:E34"/>
    <mergeCell ref="D33:E33"/>
    <mergeCell ref="D35:E35"/>
    <mergeCell ref="B30:E30"/>
    <mergeCell ref="D37:E37"/>
    <mergeCell ref="D36:E36"/>
    <mergeCell ref="D42:E42"/>
    <mergeCell ref="D43:E43"/>
  </mergeCells>
  <conditionalFormatting sqref="C54:D57 C8:C20 C21:E29 C31:E35 C36:C44 D36:E36 C45:E45">
    <cfRule type="containsBlanks" dxfId="33" priority="36">
      <formula>LEN(TRIM(C8))=0</formula>
    </cfRule>
  </conditionalFormatting>
  <conditionalFormatting sqref="B59:B60">
    <cfRule type="containsBlanks" dxfId="32" priority="35">
      <formula>LEN(TRIM(B59))=0</formula>
    </cfRule>
  </conditionalFormatting>
  <conditionalFormatting sqref="C48:D51">
    <cfRule type="containsBlanks" dxfId="31" priority="30">
      <formula>LEN(TRIM(C48))=0</formula>
    </cfRule>
  </conditionalFormatting>
  <conditionalFormatting sqref="A67">
    <cfRule type="containsBlanks" dxfId="30" priority="29">
      <formula>LEN(TRIM(A67))=0</formula>
    </cfRule>
  </conditionalFormatting>
  <conditionalFormatting sqref="D63">
    <cfRule type="containsBlanks" dxfId="29" priority="5">
      <formula>LEN(TRIM(D63))=0</formula>
    </cfRule>
  </conditionalFormatting>
  <conditionalFormatting sqref="D8:E19">
    <cfRule type="containsBlanks" dxfId="28" priority="4">
      <formula>LEN(TRIM(D8))=0</formula>
    </cfRule>
  </conditionalFormatting>
  <conditionalFormatting sqref="D20:E20">
    <cfRule type="containsBlanks" dxfId="27" priority="3">
      <formula>LEN(TRIM(D20))=0</formula>
    </cfRule>
  </conditionalFormatting>
  <conditionalFormatting sqref="D37:E44">
    <cfRule type="containsBlanks" dxfId="26" priority="1">
      <formula>LEN(TRIM(D37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2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3"/>
  <sheetViews>
    <sheetView showGridLines="0" zoomScaleNormal="100" workbookViewId="0">
      <selection activeCell="O11" sqref="O11"/>
    </sheetView>
  </sheetViews>
  <sheetFormatPr defaultColWidth="9.140625" defaultRowHeight="12" x14ac:dyDescent="0.2"/>
  <cols>
    <col min="1" max="1" width="5" style="86" customWidth="1"/>
    <col min="2" max="2" width="18.7109375" style="86" customWidth="1"/>
    <col min="3" max="3" width="21.140625" style="86" customWidth="1"/>
    <col min="4" max="4" width="11.7109375" style="87" customWidth="1"/>
    <col min="5" max="5" width="12.7109375" style="87" customWidth="1"/>
    <col min="6" max="6" width="1.7109375" style="88" customWidth="1"/>
    <col min="7" max="16" width="12.7109375" style="88" customWidth="1"/>
    <col min="17" max="17" width="12.7109375" style="89" customWidth="1"/>
    <col min="18" max="18" width="12.7109375" style="49" customWidth="1"/>
    <col min="19" max="16384" width="9.140625" style="49"/>
  </cols>
  <sheetData>
    <row r="1" spans="1:19" ht="24.95" customHeight="1" x14ac:dyDescent="0.2">
      <c r="A1" s="50" t="s">
        <v>13</v>
      </c>
      <c r="B1" s="51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</row>
    <row r="2" spans="1:19" ht="24.95" customHeight="1" x14ac:dyDescent="0.2">
      <c r="A2" s="201" t="s">
        <v>85</v>
      </c>
      <c r="B2" s="201"/>
      <c r="C2" s="201"/>
      <c r="D2" s="201"/>
      <c r="E2" s="201"/>
      <c r="F2" s="201"/>
      <c r="G2" s="201"/>
      <c r="H2" s="201"/>
      <c r="I2" s="201"/>
      <c r="J2" s="201"/>
      <c r="K2" s="201"/>
      <c r="L2" s="201"/>
      <c r="M2" s="201"/>
      <c r="N2" s="201"/>
      <c r="O2" s="201"/>
      <c r="P2" s="201"/>
      <c r="Q2" s="201"/>
      <c r="R2" s="201"/>
    </row>
    <row r="3" spans="1:19" ht="30" customHeight="1" thickBot="1" x14ac:dyDescent="0.25">
      <c r="A3" s="202"/>
      <c r="B3" s="202"/>
      <c r="C3" s="202"/>
      <c r="D3" s="202"/>
      <c r="E3" s="202"/>
      <c r="F3" s="202"/>
      <c r="G3" s="202"/>
      <c r="H3" s="202"/>
      <c r="I3" s="202"/>
      <c r="J3" s="202"/>
      <c r="K3" s="202"/>
      <c r="L3" s="202"/>
      <c r="M3" s="202"/>
      <c r="N3" s="202"/>
      <c r="O3" s="202"/>
      <c r="P3" s="202"/>
      <c r="Q3" s="202"/>
      <c r="R3" s="202"/>
    </row>
    <row r="4" spans="1:19" s="54" customFormat="1" ht="50.25" customHeight="1" x14ac:dyDescent="0.25">
      <c r="A4" s="203" t="s">
        <v>27</v>
      </c>
      <c r="B4" s="205" t="s">
        <v>51</v>
      </c>
      <c r="C4" s="206"/>
      <c r="D4" s="209" t="s">
        <v>52</v>
      </c>
      <c r="E4" s="211" t="s">
        <v>76</v>
      </c>
      <c r="F4" s="53"/>
      <c r="G4" s="125" t="s">
        <v>66</v>
      </c>
      <c r="H4" s="126" t="s">
        <v>64</v>
      </c>
      <c r="I4" s="126" t="s">
        <v>67</v>
      </c>
      <c r="J4" s="126" t="s">
        <v>72</v>
      </c>
      <c r="K4" s="126" t="s">
        <v>73</v>
      </c>
      <c r="L4" s="126" t="s">
        <v>74</v>
      </c>
      <c r="M4" s="213" t="s">
        <v>75</v>
      </c>
      <c r="N4" s="214"/>
      <c r="O4" s="214"/>
      <c r="P4" s="215"/>
      <c r="Q4" s="216" t="s">
        <v>77</v>
      </c>
      <c r="R4" s="217"/>
    </row>
    <row r="5" spans="1:19" s="54" customFormat="1" ht="31.5" customHeight="1" x14ac:dyDescent="0.25">
      <c r="A5" s="204"/>
      <c r="B5" s="207"/>
      <c r="C5" s="208"/>
      <c r="D5" s="210"/>
      <c r="E5" s="212"/>
      <c r="F5" s="53"/>
      <c r="G5" s="127"/>
      <c r="H5" s="92"/>
      <c r="I5" s="92"/>
      <c r="J5" s="92"/>
      <c r="K5" s="92"/>
      <c r="L5" s="93"/>
      <c r="M5" s="94" t="s">
        <v>59</v>
      </c>
      <c r="N5" s="96" t="s">
        <v>60</v>
      </c>
      <c r="O5" s="96" t="s">
        <v>61</v>
      </c>
      <c r="P5" s="95" t="s">
        <v>62</v>
      </c>
      <c r="Q5" s="97" t="s">
        <v>59</v>
      </c>
      <c r="R5" s="128" t="s">
        <v>62</v>
      </c>
    </row>
    <row r="6" spans="1:19" s="57" customFormat="1" ht="15" customHeight="1" thickBot="1" x14ac:dyDescent="0.3">
      <c r="A6" s="120" t="s">
        <v>15</v>
      </c>
      <c r="B6" s="182" t="s">
        <v>16</v>
      </c>
      <c r="C6" s="183"/>
      <c r="D6" s="98" t="s">
        <v>17</v>
      </c>
      <c r="E6" s="121" t="s">
        <v>18</v>
      </c>
      <c r="F6" s="55"/>
      <c r="G6" s="129" t="s">
        <v>20</v>
      </c>
      <c r="H6" s="56" t="s">
        <v>50</v>
      </c>
      <c r="I6" s="56" t="s">
        <v>49</v>
      </c>
      <c r="J6" s="56" t="s">
        <v>48</v>
      </c>
      <c r="K6" s="56" t="s">
        <v>47</v>
      </c>
      <c r="L6" s="56" t="s">
        <v>46</v>
      </c>
      <c r="M6" s="56" t="s">
        <v>45</v>
      </c>
      <c r="N6" s="56" t="s">
        <v>44</v>
      </c>
      <c r="O6" s="56" t="s">
        <v>65</v>
      </c>
      <c r="P6" s="56" t="s">
        <v>70</v>
      </c>
      <c r="Q6" s="56" t="s">
        <v>71</v>
      </c>
      <c r="R6" s="130">
        <v>16</v>
      </c>
    </row>
    <row r="7" spans="1:19" s="59" customFormat="1" ht="41.25" customHeight="1" thickBot="1" x14ac:dyDescent="0.3">
      <c r="A7" s="122" t="s">
        <v>15</v>
      </c>
      <c r="B7" s="184" t="s">
        <v>85</v>
      </c>
      <c r="C7" s="185"/>
      <c r="D7" s="123" t="s">
        <v>63</v>
      </c>
      <c r="E7" s="124">
        <v>1</v>
      </c>
      <c r="F7" s="58"/>
      <c r="G7" s="131"/>
      <c r="H7" s="132"/>
      <c r="I7" s="132"/>
      <c r="J7" s="132"/>
      <c r="K7" s="132"/>
      <c r="L7" s="133"/>
      <c r="M7" s="134"/>
      <c r="N7" s="135">
        <v>0</v>
      </c>
      <c r="O7" s="136">
        <f>M7*N7</f>
        <v>0</v>
      </c>
      <c r="P7" s="137">
        <f>M7+O7</f>
        <v>0</v>
      </c>
      <c r="Q7" s="138">
        <f>M7*E7</f>
        <v>0</v>
      </c>
      <c r="R7" s="111">
        <f>P7*E7</f>
        <v>0</v>
      </c>
      <c r="S7" s="110"/>
    </row>
    <row r="8" spans="1:19" s="65" customFormat="1" ht="15.75" customHeight="1" x14ac:dyDescent="0.2">
      <c r="A8" s="60"/>
      <c r="B8" s="60"/>
      <c r="C8" s="61"/>
      <c r="D8" s="62"/>
      <c r="E8" s="62"/>
      <c r="F8" s="63"/>
      <c r="G8" s="63"/>
      <c r="H8" s="63"/>
      <c r="I8" s="63"/>
      <c r="J8" s="63"/>
      <c r="K8" s="63"/>
      <c r="L8" s="63"/>
      <c r="M8" s="63"/>
      <c r="N8" s="63"/>
      <c r="O8" s="63"/>
      <c r="P8" s="64"/>
      <c r="Q8" s="64"/>
      <c r="R8" s="64"/>
      <c r="S8" s="61"/>
    </row>
    <row r="9" spans="1:19" s="65" customFormat="1" ht="15.75" customHeight="1" thickBot="1" x14ac:dyDescent="0.25">
      <c r="A9" s="116" t="s">
        <v>78</v>
      </c>
      <c r="B9" s="112"/>
      <c r="C9" s="113"/>
      <c r="D9" s="114"/>
      <c r="E9" s="115"/>
      <c r="F9" s="63"/>
      <c r="G9" s="63"/>
      <c r="H9" s="63"/>
      <c r="I9" s="63"/>
      <c r="J9" s="63"/>
      <c r="K9" s="63"/>
      <c r="L9" s="63"/>
      <c r="M9" s="63"/>
      <c r="N9" s="63"/>
      <c r="O9" s="63"/>
      <c r="P9" s="64"/>
      <c r="Q9" s="64"/>
      <c r="R9" s="64"/>
      <c r="S9" s="61"/>
    </row>
    <row r="10" spans="1:19" s="65" customFormat="1" ht="24.95" customHeight="1" x14ac:dyDescent="0.2">
      <c r="A10" s="117">
        <v>1</v>
      </c>
      <c r="B10" s="192" t="s">
        <v>79</v>
      </c>
      <c r="C10" s="193"/>
      <c r="D10" s="193"/>
      <c r="E10" s="194"/>
      <c r="F10" s="63"/>
      <c r="G10" s="152"/>
      <c r="H10" s="155" t="s">
        <v>82</v>
      </c>
      <c r="I10" s="63"/>
      <c r="J10" s="63"/>
      <c r="K10" s="63"/>
      <c r="L10" s="63"/>
      <c r="M10" s="63"/>
      <c r="N10" s="63"/>
      <c r="O10" s="63"/>
      <c r="P10" s="64"/>
      <c r="Q10" s="64"/>
      <c r="R10" s="64"/>
      <c r="S10" s="61"/>
    </row>
    <row r="11" spans="1:19" s="65" customFormat="1" ht="24.95" customHeight="1" x14ac:dyDescent="0.2">
      <c r="A11" s="118">
        <v>2</v>
      </c>
      <c r="B11" s="195" t="s">
        <v>80</v>
      </c>
      <c r="C11" s="196"/>
      <c r="D11" s="196"/>
      <c r="E11" s="197"/>
      <c r="F11" s="63"/>
      <c r="G11" s="153"/>
      <c r="H11" s="156" t="s">
        <v>83</v>
      </c>
      <c r="I11" s="63"/>
      <c r="J11" s="63"/>
      <c r="K11" s="63"/>
      <c r="L11" s="63"/>
      <c r="M11" s="63"/>
      <c r="N11" s="63"/>
      <c r="O11" s="63"/>
      <c r="P11" s="64"/>
      <c r="Q11" s="64"/>
      <c r="R11" s="64"/>
      <c r="S11" s="61"/>
    </row>
    <row r="12" spans="1:19" s="65" customFormat="1" ht="24.95" customHeight="1" thickBot="1" x14ac:dyDescent="0.25">
      <c r="A12" s="119">
        <v>3</v>
      </c>
      <c r="B12" s="198" t="s">
        <v>81</v>
      </c>
      <c r="C12" s="199"/>
      <c r="D12" s="199"/>
      <c r="E12" s="200"/>
      <c r="F12" s="63"/>
      <c r="G12" s="154"/>
      <c r="H12" s="157" t="s">
        <v>84</v>
      </c>
      <c r="I12" s="63"/>
      <c r="J12" s="63"/>
      <c r="K12" s="63"/>
      <c r="L12" s="63"/>
      <c r="M12" s="63"/>
      <c r="N12" s="63"/>
      <c r="O12" s="63"/>
      <c r="P12" s="64"/>
      <c r="Q12" s="64"/>
      <c r="R12" s="64"/>
      <c r="S12" s="61"/>
    </row>
    <row r="13" spans="1:19" s="65" customFormat="1" ht="15.75" customHeight="1" x14ac:dyDescent="0.2">
      <c r="A13" s="60"/>
      <c r="B13" s="60"/>
      <c r="C13" s="61"/>
      <c r="D13" s="62"/>
      <c r="E13" s="62"/>
      <c r="F13" s="63"/>
      <c r="G13" s="63"/>
      <c r="H13" s="63"/>
      <c r="I13" s="63"/>
      <c r="J13" s="63"/>
      <c r="K13" s="63"/>
      <c r="L13" s="63"/>
      <c r="M13" s="63"/>
      <c r="N13" s="63"/>
      <c r="O13" s="63"/>
      <c r="P13" s="64"/>
      <c r="Q13" s="64"/>
      <c r="R13" s="64"/>
      <c r="S13" s="61"/>
    </row>
    <row r="14" spans="1:19" s="65" customFormat="1" ht="15.75" customHeight="1" x14ac:dyDescent="0.2">
      <c r="A14" s="60"/>
      <c r="B14" s="60"/>
      <c r="C14" s="61"/>
      <c r="D14" s="62"/>
      <c r="E14" s="62"/>
      <c r="F14" s="63"/>
      <c r="G14" s="63"/>
      <c r="H14" s="63"/>
      <c r="I14" s="63"/>
      <c r="J14" s="63"/>
      <c r="K14" s="63"/>
      <c r="L14" s="63"/>
      <c r="M14" s="63"/>
      <c r="N14" s="63"/>
      <c r="O14" s="63"/>
      <c r="P14" s="64"/>
      <c r="Q14" s="64"/>
      <c r="R14" s="64"/>
      <c r="S14" s="61"/>
    </row>
    <row r="15" spans="1:19" s="59" customFormat="1" ht="15" customHeight="1" x14ac:dyDescent="0.25">
      <c r="A15" s="66" t="s">
        <v>1</v>
      </c>
      <c r="B15" s="66"/>
      <c r="C15" s="67" t="str">
        <f>IF('Príloha č. 1'!$C$6="","",'Príloha č. 1'!$C$6)</f>
        <v/>
      </c>
      <c r="D15" s="68"/>
      <c r="E15" s="68"/>
      <c r="F15" s="58"/>
      <c r="G15" s="58"/>
      <c r="H15" s="58"/>
      <c r="I15" s="58"/>
      <c r="J15" s="58"/>
      <c r="K15" s="58"/>
      <c r="L15" s="58"/>
      <c r="M15" s="58"/>
      <c r="N15" s="58"/>
      <c r="O15" s="58"/>
      <c r="P15" s="58"/>
      <c r="Q15" s="64"/>
      <c r="R15" s="64"/>
    </row>
    <row r="16" spans="1:19" s="59" customFormat="1" ht="15" customHeight="1" x14ac:dyDescent="0.25">
      <c r="A16" s="66" t="s">
        <v>2</v>
      </c>
      <c r="B16" s="66"/>
      <c r="C16" s="66" t="str">
        <f>IF('Príloha č. 1'!$C$7="","",'Príloha č. 1'!$C$7)</f>
        <v/>
      </c>
      <c r="D16" s="69"/>
      <c r="E16" s="69"/>
      <c r="F16" s="58"/>
      <c r="G16" s="58"/>
      <c r="H16" s="58"/>
      <c r="I16" s="58"/>
      <c r="J16" s="58"/>
      <c r="K16" s="58"/>
      <c r="L16" s="58"/>
      <c r="M16" s="58"/>
      <c r="N16" s="58"/>
      <c r="O16" s="58"/>
      <c r="P16" s="58"/>
      <c r="Q16" s="70"/>
      <c r="R16" s="71"/>
    </row>
    <row r="17" spans="1:19" s="59" customFormat="1" ht="15" customHeight="1" x14ac:dyDescent="0.25">
      <c r="A17" s="66" t="s">
        <v>3</v>
      </c>
      <c r="B17" s="66"/>
      <c r="C17" s="66" t="str">
        <f>IF('Príloha č. 1'!$C$8="","",'Príloha č. 1'!$C$8)</f>
        <v/>
      </c>
      <c r="D17" s="69"/>
      <c r="E17" s="69"/>
      <c r="F17" s="58"/>
      <c r="G17" s="58"/>
      <c r="H17" s="58"/>
      <c r="I17" s="58"/>
      <c r="J17" s="58"/>
      <c r="K17" s="58"/>
      <c r="L17" s="58"/>
      <c r="M17" s="58"/>
      <c r="N17" s="58"/>
      <c r="O17" s="58"/>
      <c r="P17" s="58"/>
      <c r="Q17" s="70"/>
      <c r="R17" s="71"/>
    </row>
    <row r="18" spans="1:19" s="59" customFormat="1" ht="15" customHeight="1" x14ac:dyDescent="0.25">
      <c r="A18" s="66"/>
      <c r="B18" s="66"/>
      <c r="C18" s="66"/>
      <c r="D18" s="69"/>
      <c r="E18" s="69"/>
      <c r="F18" s="58"/>
      <c r="G18" s="58"/>
      <c r="H18" s="58"/>
      <c r="I18" s="58"/>
      <c r="J18" s="58"/>
      <c r="K18" s="58"/>
      <c r="L18" s="58"/>
      <c r="M18" s="58"/>
      <c r="N18" s="58"/>
      <c r="O18" s="58"/>
      <c r="P18" s="58"/>
      <c r="Q18" s="70"/>
      <c r="R18" s="71"/>
    </row>
    <row r="19" spans="1:19" s="59" customFormat="1" ht="15" customHeight="1" x14ac:dyDescent="0.25">
      <c r="A19" s="66" t="s">
        <v>53</v>
      </c>
      <c r="B19" s="66"/>
      <c r="C19" s="148"/>
      <c r="D19" s="69"/>
      <c r="E19" s="69"/>
      <c r="F19" s="58"/>
      <c r="G19" s="58"/>
      <c r="H19" s="58"/>
      <c r="I19" s="58"/>
      <c r="J19" s="58"/>
      <c r="K19" s="58"/>
      <c r="L19" s="58"/>
      <c r="M19" s="58"/>
      <c r="N19" s="58"/>
      <c r="O19" s="58"/>
      <c r="P19" s="58"/>
      <c r="Q19" s="70"/>
      <c r="R19" s="71"/>
    </row>
    <row r="20" spans="1:19" s="59" customFormat="1" ht="15" customHeight="1" x14ac:dyDescent="0.25">
      <c r="A20" s="66" t="s">
        <v>6</v>
      </c>
      <c r="B20" s="66"/>
      <c r="C20" s="148"/>
      <c r="D20" s="69"/>
      <c r="E20" s="69"/>
      <c r="F20" s="58"/>
      <c r="G20" s="58"/>
      <c r="H20" s="58"/>
      <c r="I20" s="58"/>
      <c r="J20" s="58"/>
      <c r="K20" s="58"/>
      <c r="L20" s="58"/>
      <c r="M20" s="58"/>
      <c r="N20" s="58"/>
      <c r="O20" s="58"/>
      <c r="P20" s="58"/>
      <c r="Q20" s="70"/>
      <c r="R20" s="71"/>
    </row>
    <row r="21" spans="1:19" s="59" customFormat="1" ht="15" customHeight="1" x14ac:dyDescent="0.2">
      <c r="A21" s="66" t="s">
        <v>54</v>
      </c>
      <c r="B21" s="66"/>
      <c r="C21" s="148"/>
      <c r="D21" s="69"/>
      <c r="E21" s="69"/>
      <c r="F21" s="58"/>
      <c r="G21" s="58"/>
      <c r="H21" s="58"/>
      <c r="I21" s="58"/>
      <c r="J21" s="58"/>
      <c r="K21" s="58"/>
      <c r="L21" s="58"/>
      <c r="M21" s="58"/>
      <c r="N21" s="58"/>
      <c r="O21" s="58"/>
      <c r="P21" s="72" t="s">
        <v>55</v>
      </c>
      <c r="Q21" s="186"/>
      <c r="R21" s="186"/>
    </row>
    <row r="22" spans="1:19" s="59" customFormat="1" ht="15" customHeight="1" x14ac:dyDescent="0.2">
      <c r="A22" s="66"/>
      <c r="B22" s="66"/>
      <c r="C22" s="66"/>
      <c r="D22" s="69"/>
      <c r="E22" s="69"/>
      <c r="F22" s="58"/>
      <c r="G22" s="58"/>
      <c r="H22" s="58"/>
      <c r="I22" s="58"/>
      <c r="J22" s="58"/>
      <c r="K22" s="58"/>
      <c r="L22" s="58"/>
      <c r="M22" s="58"/>
      <c r="N22" s="58"/>
      <c r="O22" s="58"/>
      <c r="P22" s="73"/>
      <c r="Q22" s="74"/>
      <c r="R22" s="74"/>
    </row>
    <row r="23" spans="1:19" s="59" customFormat="1" ht="15" customHeight="1" x14ac:dyDescent="0.25">
      <c r="A23" s="66"/>
      <c r="B23" s="66"/>
      <c r="C23" s="66"/>
      <c r="D23" s="69"/>
      <c r="E23" s="69"/>
      <c r="F23" s="58"/>
      <c r="G23" s="58"/>
      <c r="H23" s="58"/>
      <c r="I23" s="58"/>
      <c r="J23" s="58"/>
      <c r="K23" s="58"/>
      <c r="L23" s="58"/>
      <c r="M23" s="58"/>
      <c r="N23" s="58"/>
      <c r="O23" s="58"/>
      <c r="P23" s="75" t="s">
        <v>56</v>
      </c>
      <c r="Q23" s="189"/>
      <c r="R23" s="189"/>
    </row>
    <row r="24" spans="1:19" s="65" customFormat="1" ht="15" customHeight="1" x14ac:dyDescent="0.2">
      <c r="A24" s="61" t="s">
        <v>9</v>
      </c>
      <c r="B24" s="190" t="str">
        <f>IF('Príloha č. 1'!B19:C19="","",'Príloha č. 1'!B19:C19)</f>
        <v/>
      </c>
      <c r="C24" s="190"/>
      <c r="D24" s="76"/>
      <c r="E24" s="76"/>
      <c r="F24" s="63"/>
      <c r="G24" s="63"/>
      <c r="H24" s="63"/>
      <c r="I24" s="63"/>
      <c r="J24" s="63"/>
      <c r="K24" s="63"/>
      <c r="L24" s="63"/>
      <c r="M24" s="63"/>
      <c r="N24" s="63"/>
      <c r="O24" s="63"/>
      <c r="P24" s="75" t="s">
        <v>57</v>
      </c>
      <c r="Q24" s="191"/>
      <c r="R24" s="191"/>
      <c r="S24" s="61"/>
    </row>
    <row r="25" spans="1:19" s="65" customFormat="1" ht="15" customHeight="1" x14ac:dyDescent="0.2">
      <c r="A25" s="61" t="s">
        <v>10</v>
      </c>
      <c r="B25" s="187" t="str">
        <f>IF('Príloha č. 1'!B20:C20="","",'Príloha č. 1'!B20:C20)</f>
        <v/>
      </c>
      <c r="C25" s="187"/>
      <c r="D25" s="76"/>
      <c r="E25" s="76"/>
      <c r="F25" s="63"/>
      <c r="G25" s="63"/>
      <c r="H25" s="63"/>
      <c r="I25" s="63"/>
      <c r="J25" s="63"/>
      <c r="K25" s="63"/>
      <c r="L25" s="63"/>
      <c r="M25" s="63"/>
      <c r="N25" s="63"/>
      <c r="O25" s="63"/>
      <c r="P25" s="77" t="s">
        <v>58</v>
      </c>
      <c r="Q25" s="73"/>
      <c r="R25" s="78"/>
      <c r="S25" s="61"/>
    </row>
    <row r="26" spans="1:19" s="65" customFormat="1" x14ac:dyDescent="0.2">
      <c r="A26" s="61"/>
      <c r="B26" s="61"/>
      <c r="C26" s="61"/>
      <c r="D26" s="76"/>
      <c r="E26" s="76"/>
      <c r="F26" s="63"/>
      <c r="G26" s="63"/>
      <c r="H26" s="63"/>
      <c r="I26" s="63"/>
      <c r="J26" s="63"/>
      <c r="K26" s="63"/>
      <c r="L26" s="63"/>
      <c r="M26" s="63"/>
      <c r="N26" s="63"/>
      <c r="O26" s="63"/>
      <c r="P26" s="63"/>
      <c r="Q26" s="79"/>
      <c r="R26" s="61"/>
      <c r="S26" s="61"/>
    </row>
    <row r="27" spans="1:19" s="65" customFormat="1" ht="15" customHeight="1" x14ac:dyDescent="0.2">
      <c r="A27" s="61"/>
      <c r="B27" s="61"/>
      <c r="D27" s="76"/>
      <c r="E27" s="76"/>
      <c r="F27" s="63"/>
      <c r="G27" s="63"/>
      <c r="H27" s="63"/>
      <c r="I27" s="63"/>
      <c r="J27" s="63"/>
      <c r="K27" s="63"/>
      <c r="L27" s="63"/>
      <c r="M27" s="63"/>
      <c r="N27" s="63"/>
      <c r="O27" s="63"/>
      <c r="P27" s="63"/>
      <c r="Q27" s="79"/>
      <c r="R27" s="61"/>
      <c r="S27" s="61"/>
    </row>
    <row r="28" spans="1:19" s="80" customFormat="1" x14ac:dyDescent="0.2">
      <c r="A28" s="188" t="s">
        <v>12</v>
      </c>
      <c r="B28" s="188"/>
      <c r="D28" s="81"/>
      <c r="E28" s="81"/>
      <c r="F28" s="82"/>
      <c r="G28" s="82"/>
      <c r="H28" s="82"/>
      <c r="I28" s="82"/>
      <c r="J28" s="82"/>
      <c r="K28" s="82"/>
      <c r="L28" s="82"/>
      <c r="M28" s="82"/>
      <c r="N28" s="82"/>
      <c r="O28" s="82"/>
      <c r="P28" s="82"/>
      <c r="Q28" s="83"/>
    </row>
    <row r="29" spans="1:19" ht="14.25" x14ac:dyDescent="0.2">
      <c r="A29" s="84"/>
      <c r="B29" s="85" t="s">
        <v>14</v>
      </c>
    </row>
    <row r="30" spans="1:19" ht="6.75" customHeight="1" x14ac:dyDescent="0.2">
      <c r="A30" s="90"/>
      <c r="B30" s="91"/>
    </row>
    <row r="31" spans="1:19" x14ac:dyDescent="0.2">
      <c r="A31" s="104"/>
      <c r="B31" s="105" t="s">
        <v>68</v>
      </c>
      <c r="C31" s="106"/>
      <c r="D31" s="106"/>
    </row>
    <row r="32" spans="1:19" ht="12.75" thickBot="1" x14ac:dyDescent="0.25">
      <c r="A32" s="108"/>
      <c r="B32" s="105"/>
      <c r="C32" s="106"/>
      <c r="D32" s="106"/>
    </row>
    <row r="33" spans="1:4" ht="12.75" thickBot="1" x14ac:dyDescent="0.25">
      <c r="A33" s="109"/>
      <c r="B33" s="107" t="s">
        <v>69</v>
      </c>
      <c r="C33" s="106"/>
      <c r="D33" s="106"/>
    </row>
  </sheetData>
  <mergeCells count="19">
    <mergeCell ref="A2:R2"/>
    <mergeCell ref="A3:R3"/>
    <mergeCell ref="A4:A5"/>
    <mergeCell ref="B4:C5"/>
    <mergeCell ref="D4:D5"/>
    <mergeCell ref="E4:E5"/>
    <mergeCell ref="M4:P4"/>
    <mergeCell ref="Q4:R4"/>
    <mergeCell ref="B6:C6"/>
    <mergeCell ref="B7:C7"/>
    <mergeCell ref="Q21:R21"/>
    <mergeCell ref="B25:C25"/>
    <mergeCell ref="A28:B28"/>
    <mergeCell ref="Q23:R23"/>
    <mergeCell ref="B24:C24"/>
    <mergeCell ref="Q24:R24"/>
    <mergeCell ref="B10:E10"/>
    <mergeCell ref="B11:E11"/>
    <mergeCell ref="B12:E12"/>
  </mergeCells>
  <conditionalFormatting sqref="C15 C19:C21">
    <cfRule type="containsBlanks" dxfId="25" priority="8">
      <formula>LEN(TRIM(C15))=0</formula>
    </cfRule>
  </conditionalFormatting>
  <conditionalFormatting sqref="C15:C17">
    <cfRule type="containsBlanks" dxfId="24" priority="9">
      <formula>LEN(TRIM(C15))=0</formula>
    </cfRule>
  </conditionalFormatting>
  <conditionalFormatting sqref="B24:C24">
    <cfRule type="containsBlanks" dxfId="23" priority="7">
      <formula>LEN(TRIM(B24))=0</formula>
    </cfRule>
  </conditionalFormatting>
  <conditionalFormatting sqref="B25:C25">
    <cfRule type="containsBlanks" dxfId="22" priority="6">
      <formula>LEN(TRIM(B25))=0</formula>
    </cfRule>
  </conditionalFormatting>
  <conditionalFormatting sqref="Q23:R23">
    <cfRule type="containsBlanks" dxfId="21" priority="5">
      <formula>LEN(TRIM(Q23))=0</formula>
    </cfRule>
  </conditionalFormatting>
  <conditionalFormatting sqref="Q24:R24">
    <cfRule type="containsBlanks" dxfId="20" priority="4">
      <formula>LEN(TRIM(Q24))=0</formula>
    </cfRule>
  </conditionalFormatting>
  <conditionalFormatting sqref="G11">
    <cfRule type="containsBlanks" dxfId="19" priority="3">
      <formula>LEN(TRIM(G11))=0</formula>
    </cfRule>
  </conditionalFormatting>
  <conditionalFormatting sqref="G10">
    <cfRule type="containsBlanks" dxfId="18" priority="2">
      <formula>LEN(TRIM(G10))=0</formula>
    </cfRule>
  </conditionalFormatting>
  <conditionalFormatting sqref="G12">
    <cfRule type="containsBlanks" dxfId="17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2" fitToHeight="0" orientation="landscape" r:id="rId1"/>
  <headerFooter alignWithMargins="0">
    <oddHeader>&amp;L&amp;"Times,Tučné"Príloha č. 3&amp;"Times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1"/>
  <sheetViews>
    <sheetView showGridLines="0" zoomScale="90" zoomScaleNormal="90" workbookViewId="0">
      <selection activeCell="I10" sqref="I10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225" t="s">
        <v>13</v>
      </c>
      <c r="B1" s="225"/>
    </row>
    <row r="2" spans="1:12" ht="31.5" customHeight="1" x14ac:dyDescent="0.25">
      <c r="A2" s="242" t="s">
        <v>85</v>
      </c>
      <c r="B2" s="242"/>
      <c r="C2" s="242"/>
      <c r="D2" s="242"/>
      <c r="E2" s="48"/>
      <c r="F2" s="48"/>
      <c r="G2" s="48"/>
      <c r="H2" s="48"/>
      <c r="I2" s="48"/>
      <c r="J2" s="48"/>
      <c r="K2" s="48"/>
      <c r="L2" s="48"/>
    </row>
    <row r="3" spans="1:12" ht="15" customHeight="1" x14ac:dyDescent="0.25">
      <c r="A3" s="220"/>
      <c r="B3" s="220"/>
      <c r="C3" s="220"/>
    </row>
    <row r="4" spans="1:12" s="12" customFormat="1" ht="44.25" customHeight="1" x14ac:dyDescent="0.25">
      <c r="A4" s="227" t="s">
        <v>22</v>
      </c>
      <c r="B4" s="227"/>
      <c r="C4" s="227"/>
      <c r="D4" s="227"/>
      <c r="E4" s="23"/>
      <c r="F4" s="23"/>
      <c r="G4" s="23"/>
      <c r="H4" s="23"/>
      <c r="I4" s="23"/>
      <c r="J4" s="23"/>
      <c r="K4" s="23"/>
      <c r="L4" s="23"/>
    </row>
    <row r="5" spans="1:12" s="12" customFormat="1" ht="20.100000000000001" customHeight="1" x14ac:dyDescent="0.2">
      <c r="A5" s="228" t="s">
        <v>1</v>
      </c>
      <c r="B5" s="228"/>
      <c r="C5" s="160" t="str">
        <f>IF('Príloha č. 1'!$C$6="","",'Príloha č. 1'!$C$6)</f>
        <v/>
      </c>
      <c r="D5" s="160"/>
      <c r="J5" s="24"/>
    </row>
    <row r="6" spans="1:12" s="12" customFormat="1" ht="20.100000000000001" customHeight="1" x14ac:dyDescent="0.25">
      <c r="A6" s="230" t="s">
        <v>2</v>
      </c>
      <c r="B6" s="230"/>
      <c r="C6" s="159" t="str">
        <f>IF('Príloha č. 1'!$C$7="","",'Príloha č. 1'!$C$7)</f>
        <v/>
      </c>
      <c r="D6" s="159"/>
    </row>
    <row r="7" spans="1:12" s="12" customFormat="1" ht="20.100000000000001" customHeight="1" x14ac:dyDescent="0.25">
      <c r="A7" s="230" t="s">
        <v>3</v>
      </c>
      <c r="B7" s="230"/>
      <c r="C7" s="159" t="str">
        <f>IF('Príloha č. 1'!$C$8="","",'Príloha č. 1'!$C$8)</f>
        <v/>
      </c>
      <c r="D7" s="159"/>
    </row>
    <row r="8" spans="1:12" s="12" customFormat="1" ht="20.100000000000001" customHeight="1" x14ac:dyDescent="0.25">
      <c r="A8" s="230" t="s">
        <v>4</v>
      </c>
      <c r="B8" s="230"/>
      <c r="C8" s="159" t="str">
        <f>IF('Príloha č. 1'!$C$9="","",'Príloha č. 1'!$C$9)</f>
        <v/>
      </c>
      <c r="D8" s="159"/>
    </row>
    <row r="9" spans="1:12" x14ac:dyDescent="0.25">
      <c r="C9" s="22"/>
    </row>
    <row r="10" spans="1:12" ht="44.25" customHeight="1" x14ac:dyDescent="0.25">
      <c r="A10" s="234" t="s">
        <v>136</v>
      </c>
      <c r="B10" s="234"/>
      <c r="C10" s="234"/>
      <c r="D10" s="234"/>
    </row>
    <row r="11" spans="1:12" x14ac:dyDescent="0.25">
      <c r="A11" s="232"/>
      <c r="B11" s="232"/>
      <c r="C11" s="232"/>
      <c r="D11" s="232"/>
    </row>
    <row r="12" spans="1:12" ht="20.100000000000001" customHeight="1" x14ac:dyDescent="0.25">
      <c r="A12" s="232" t="s">
        <v>9</v>
      </c>
      <c r="B12" s="264" t="str">
        <f>IF('Príloha č. 1'!B19:C19="","",'Príloha č. 1'!B19:C19)</f>
        <v/>
      </c>
      <c r="C12" s="264"/>
      <c r="D12" s="232"/>
    </row>
    <row r="13" spans="1:12" ht="20.100000000000001" customHeight="1" x14ac:dyDescent="0.25">
      <c r="A13" s="232" t="s">
        <v>10</v>
      </c>
      <c r="B13" s="265" t="str">
        <f>IF('Príloha č. 1'!B20:C20="","",'Príloha č. 1'!B20:C20)</f>
        <v/>
      </c>
      <c r="C13" s="265"/>
      <c r="D13" s="232"/>
    </row>
    <row r="14" spans="1:12" x14ac:dyDescent="0.25">
      <c r="A14" s="232"/>
      <c r="B14" s="232"/>
      <c r="C14" s="232"/>
      <c r="D14" s="232"/>
    </row>
    <row r="15" spans="1:12" ht="24.95" customHeight="1" x14ac:dyDescent="0.25">
      <c r="A15" s="232"/>
      <c r="B15" s="232"/>
      <c r="C15" s="237" t="s">
        <v>28</v>
      </c>
      <c r="D15" s="114"/>
      <c r="K15" s="25"/>
      <c r="L15" s="25"/>
    </row>
    <row r="16" spans="1:12" ht="24.95" customHeight="1" x14ac:dyDescent="0.25">
      <c r="A16" s="232"/>
      <c r="B16" s="232"/>
      <c r="C16" s="237" t="s">
        <v>29</v>
      </c>
      <c r="D16" s="238"/>
    </row>
    <row r="17" spans="1:7" ht="24.95" customHeight="1" x14ac:dyDescent="0.25">
      <c r="C17" s="32"/>
    </row>
    <row r="18" spans="1:7" s="13" customFormat="1" x14ac:dyDescent="0.25">
      <c r="A18" s="188" t="s">
        <v>12</v>
      </c>
      <c r="B18" s="188"/>
      <c r="C18" s="239"/>
      <c r="E18" s="11"/>
    </row>
    <row r="19" spans="1:7" s="16" customFormat="1" ht="15" customHeight="1" x14ac:dyDescent="0.25">
      <c r="A19" s="84"/>
      <c r="B19" s="240" t="s">
        <v>14</v>
      </c>
      <c r="C19" s="240"/>
      <c r="D19" s="15"/>
      <c r="E19" s="11"/>
    </row>
    <row r="20" spans="1:7" s="20" customFormat="1" ht="5.85" customHeight="1" x14ac:dyDescent="0.25">
      <c r="A20" s="90"/>
      <c r="B20" s="91"/>
      <c r="C20" s="241"/>
      <c r="D20" s="18"/>
      <c r="E20" s="11"/>
      <c r="F20" s="19"/>
      <c r="G20" s="18"/>
    </row>
    <row r="21" spans="1:7" x14ac:dyDescent="0.25">
      <c r="A21" s="90"/>
      <c r="B21" s="90"/>
      <c r="C21" s="90"/>
    </row>
  </sheetData>
  <mergeCells count="17">
    <mergeCell ref="A1:B1"/>
    <mergeCell ref="A3:C3"/>
    <mergeCell ref="A4:D4"/>
    <mergeCell ref="A5:B5"/>
    <mergeCell ref="C5:D5"/>
    <mergeCell ref="A2:D2"/>
    <mergeCell ref="A6:B6"/>
    <mergeCell ref="C6:D6"/>
    <mergeCell ref="A7:B7"/>
    <mergeCell ref="C7:D7"/>
    <mergeCell ref="A8:B8"/>
    <mergeCell ref="C8:D8"/>
    <mergeCell ref="A10:D10"/>
    <mergeCell ref="B12:C12"/>
    <mergeCell ref="B13:C13"/>
    <mergeCell ref="A18:B18"/>
    <mergeCell ref="B19:C19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scale="80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="90" zoomScaleNormal="90" workbookViewId="0">
      <selection activeCell="H13" sqref="H13"/>
    </sheetView>
  </sheetViews>
  <sheetFormatPr defaultRowHeight="12.75" x14ac:dyDescent="0.2"/>
  <cols>
    <col min="1" max="1" width="4.7109375" style="36" bestFit="1" customWidth="1"/>
    <col min="2" max="2" width="22.5703125" style="36" customWidth="1"/>
    <col min="3" max="3" width="28.7109375" style="36" customWidth="1"/>
    <col min="4" max="4" width="33.42578125" style="36" customWidth="1"/>
    <col min="5" max="5" width="10.42578125" style="36" bestFit="1" customWidth="1"/>
    <col min="6" max="256" width="9.140625" style="36"/>
    <col min="257" max="257" width="4.7109375" style="36" bestFit="1" customWidth="1"/>
    <col min="258" max="258" width="19.7109375" style="36" customWidth="1"/>
    <col min="259" max="259" width="28.7109375" style="36" customWidth="1"/>
    <col min="260" max="260" width="33.42578125" style="36" customWidth="1"/>
    <col min="261" max="261" width="10.42578125" style="36" bestFit="1" customWidth="1"/>
    <col min="262" max="512" width="9.140625" style="36"/>
    <col min="513" max="513" width="4.7109375" style="36" bestFit="1" customWidth="1"/>
    <col min="514" max="514" width="19.7109375" style="36" customWidth="1"/>
    <col min="515" max="515" width="28.7109375" style="36" customWidth="1"/>
    <col min="516" max="516" width="33.42578125" style="36" customWidth="1"/>
    <col min="517" max="517" width="10.42578125" style="36" bestFit="1" customWidth="1"/>
    <col min="518" max="768" width="9.140625" style="36"/>
    <col min="769" max="769" width="4.7109375" style="36" bestFit="1" customWidth="1"/>
    <col min="770" max="770" width="19.7109375" style="36" customWidth="1"/>
    <col min="771" max="771" width="28.7109375" style="36" customWidth="1"/>
    <col min="772" max="772" width="33.42578125" style="36" customWidth="1"/>
    <col min="773" max="773" width="10.42578125" style="36" bestFit="1" customWidth="1"/>
    <col min="774" max="1024" width="9.140625" style="36"/>
    <col min="1025" max="1025" width="4.7109375" style="36" bestFit="1" customWidth="1"/>
    <col min="1026" max="1026" width="19.7109375" style="36" customWidth="1"/>
    <col min="1027" max="1027" width="28.7109375" style="36" customWidth="1"/>
    <col min="1028" max="1028" width="33.42578125" style="36" customWidth="1"/>
    <col min="1029" max="1029" width="10.42578125" style="36" bestFit="1" customWidth="1"/>
    <col min="1030" max="1280" width="9.140625" style="36"/>
    <col min="1281" max="1281" width="4.7109375" style="36" bestFit="1" customWidth="1"/>
    <col min="1282" max="1282" width="19.7109375" style="36" customWidth="1"/>
    <col min="1283" max="1283" width="28.7109375" style="36" customWidth="1"/>
    <col min="1284" max="1284" width="33.42578125" style="36" customWidth="1"/>
    <col min="1285" max="1285" width="10.42578125" style="36" bestFit="1" customWidth="1"/>
    <col min="1286" max="1536" width="9.140625" style="36"/>
    <col min="1537" max="1537" width="4.7109375" style="36" bestFit="1" customWidth="1"/>
    <col min="1538" max="1538" width="19.7109375" style="36" customWidth="1"/>
    <col min="1539" max="1539" width="28.7109375" style="36" customWidth="1"/>
    <col min="1540" max="1540" width="33.42578125" style="36" customWidth="1"/>
    <col min="1541" max="1541" width="10.42578125" style="36" bestFit="1" customWidth="1"/>
    <col min="1542" max="1792" width="9.140625" style="36"/>
    <col min="1793" max="1793" width="4.7109375" style="36" bestFit="1" customWidth="1"/>
    <col min="1794" max="1794" width="19.7109375" style="36" customWidth="1"/>
    <col min="1795" max="1795" width="28.7109375" style="36" customWidth="1"/>
    <col min="1796" max="1796" width="33.42578125" style="36" customWidth="1"/>
    <col min="1797" max="1797" width="10.42578125" style="36" bestFit="1" customWidth="1"/>
    <col min="1798" max="2048" width="9.140625" style="36"/>
    <col min="2049" max="2049" width="4.7109375" style="36" bestFit="1" customWidth="1"/>
    <col min="2050" max="2050" width="19.7109375" style="36" customWidth="1"/>
    <col min="2051" max="2051" width="28.7109375" style="36" customWidth="1"/>
    <col min="2052" max="2052" width="33.42578125" style="36" customWidth="1"/>
    <col min="2053" max="2053" width="10.42578125" style="36" bestFit="1" customWidth="1"/>
    <col min="2054" max="2304" width="9.140625" style="36"/>
    <col min="2305" max="2305" width="4.7109375" style="36" bestFit="1" customWidth="1"/>
    <col min="2306" max="2306" width="19.7109375" style="36" customWidth="1"/>
    <col min="2307" max="2307" width="28.7109375" style="36" customWidth="1"/>
    <col min="2308" max="2308" width="33.42578125" style="36" customWidth="1"/>
    <col min="2309" max="2309" width="10.42578125" style="36" bestFit="1" customWidth="1"/>
    <col min="2310" max="2560" width="9.140625" style="36"/>
    <col min="2561" max="2561" width="4.7109375" style="36" bestFit="1" customWidth="1"/>
    <col min="2562" max="2562" width="19.7109375" style="36" customWidth="1"/>
    <col min="2563" max="2563" width="28.7109375" style="36" customWidth="1"/>
    <col min="2564" max="2564" width="33.42578125" style="36" customWidth="1"/>
    <col min="2565" max="2565" width="10.42578125" style="36" bestFit="1" customWidth="1"/>
    <col min="2566" max="2816" width="9.140625" style="36"/>
    <col min="2817" max="2817" width="4.7109375" style="36" bestFit="1" customWidth="1"/>
    <col min="2818" max="2818" width="19.7109375" style="36" customWidth="1"/>
    <col min="2819" max="2819" width="28.7109375" style="36" customWidth="1"/>
    <col min="2820" max="2820" width="33.42578125" style="36" customWidth="1"/>
    <col min="2821" max="2821" width="10.42578125" style="36" bestFit="1" customWidth="1"/>
    <col min="2822" max="3072" width="9.140625" style="36"/>
    <col min="3073" max="3073" width="4.7109375" style="36" bestFit="1" customWidth="1"/>
    <col min="3074" max="3074" width="19.7109375" style="36" customWidth="1"/>
    <col min="3075" max="3075" width="28.7109375" style="36" customWidth="1"/>
    <col min="3076" max="3076" width="33.42578125" style="36" customWidth="1"/>
    <col min="3077" max="3077" width="10.42578125" style="36" bestFit="1" customWidth="1"/>
    <col min="3078" max="3328" width="9.140625" style="36"/>
    <col min="3329" max="3329" width="4.7109375" style="36" bestFit="1" customWidth="1"/>
    <col min="3330" max="3330" width="19.7109375" style="36" customWidth="1"/>
    <col min="3331" max="3331" width="28.7109375" style="36" customWidth="1"/>
    <col min="3332" max="3332" width="33.42578125" style="36" customWidth="1"/>
    <col min="3333" max="3333" width="10.42578125" style="36" bestFit="1" customWidth="1"/>
    <col min="3334" max="3584" width="9.140625" style="36"/>
    <col min="3585" max="3585" width="4.7109375" style="36" bestFit="1" customWidth="1"/>
    <col min="3586" max="3586" width="19.7109375" style="36" customWidth="1"/>
    <col min="3587" max="3587" width="28.7109375" style="36" customWidth="1"/>
    <col min="3588" max="3588" width="33.42578125" style="36" customWidth="1"/>
    <col min="3589" max="3589" width="10.42578125" style="36" bestFit="1" customWidth="1"/>
    <col min="3590" max="3840" width="9.140625" style="36"/>
    <col min="3841" max="3841" width="4.7109375" style="36" bestFit="1" customWidth="1"/>
    <col min="3842" max="3842" width="19.7109375" style="36" customWidth="1"/>
    <col min="3843" max="3843" width="28.7109375" style="36" customWidth="1"/>
    <col min="3844" max="3844" width="33.42578125" style="36" customWidth="1"/>
    <col min="3845" max="3845" width="10.42578125" style="36" bestFit="1" customWidth="1"/>
    <col min="3846" max="4096" width="9.140625" style="36"/>
    <col min="4097" max="4097" width="4.7109375" style="36" bestFit="1" customWidth="1"/>
    <col min="4098" max="4098" width="19.7109375" style="36" customWidth="1"/>
    <col min="4099" max="4099" width="28.7109375" style="36" customWidth="1"/>
    <col min="4100" max="4100" width="33.42578125" style="36" customWidth="1"/>
    <col min="4101" max="4101" width="10.42578125" style="36" bestFit="1" customWidth="1"/>
    <col min="4102" max="4352" width="9.140625" style="36"/>
    <col min="4353" max="4353" width="4.7109375" style="36" bestFit="1" customWidth="1"/>
    <col min="4354" max="4354" width="19.7109375" style="36" customWidth="1"/>
    <col min="4355" max="4355" width="28.7109375" style="36" customWidth="1"/>
    <col min="4356" max="4356" width="33.42578125" style="36" customWidth="1"/>
    <col min="4357" max="4357" width="10.42578125" style="36" bestFit="1" customWidth="1"/>
    <col min="4358" max="4608" width="9.140625" style="36"/>
    <col min="4609" max="4609" width="4.7109375" style="36" bestFit="1" customWidth="1"/>
    <col min="4610" max="4610" width="19.7109375" style="36" customWidth="1"/>
    <col min="4611" max="4611" width="28.7109375" style="36" customWidth="1"/>
    <col min="4612" max="4612" width="33.42578125" style="36" customWidth="1"/>
    <col min="4613" max="4613" width="10.42578125" style="36" bestFit="1" customWidth="1"/>
    <col min="4614" max="4864" width="9.140625" style="36"/>
    <col min="4865" max="4865" width="4.7109375" style="36" bestFit="1" customWidth="1"/>
    <col min="4866" max="4866" width="19.7109375" style="36" customWidth="1"/>
    <col min="4867" max="4867" width="28.7109375" style="36" customWidth="1"/>
    <col min="4868" max="4868" width="33.42578125" style="36" customWidth="1"/>
    <col min="4869" max="4869" width="10.42578125" style="36" bestFit="1" customWidth="1"/>
    <col min="4870" max="5120" width="9.140625" style="36"/>
    <col min="5121" max="5121" width="4.7109375" style="36" bestFit="1" customWidth="1"/>
    <col min="5122" max="5122" width="19.7109375" style="36" customWidth="1"/>
    <col min="5123" max="5123" width="28.7109375" style="36" customWidth="1"/>
    <col min="5124" max="5124" width="33.42578125" style="36" customWidth="1"/>
    <col min="5125" max="5125" width="10.42578125" style="36" bestFit="1" customWidth="1"/>
    <col min="5126" max="5376" width="9.140625" style="36"/>
    <col min="5377" max="5377" width="4.7109375" style="36" bestFit="1" customWidth="1"/>
    <col min="5378" max="5378" width="19.7109375" style="36" customWidth="1"/>
    <col min="5379" max="5379" width="28.7109375" style="36" customWidth="1"/>
    <col min="5380" max="5380" width="33.42578125" style="36" customWidth="1"/>
    <col min="5381" max="5381" width="10.42578125" style="36" bestFit="1" customWidth="1"/>
    <col min="5382" max="5632" width="9.140625" style="36"/>
    <col min="5633" max="5633" width="4.7109375" style="36" bestFit="1" customWidth="1"/>
    <col min="5634" max="5634" width="19.7109375" style="36" customWidth="1"/>
    <col min="5635" max="5635" width="28.7109375" style="36" customWidth="1"/>
    <col min="5636" max="5636" width="33.42578125" style="36" customWidth="1"/>
    <col min="5637" max="5637" width="10.42578125" style="36" bestFit="1" customWidth="1"/>
    <col min="5638" max="5888" width="9.140625" style="36"/>
    <col min="5889" max="5889" width="4.7109375" style="36" bestFit="1" customWidth="1"/>
    <col min="5890" max="5890" width="19.7109375" style="36" customWidth="1"/>
    <col min="5891" max="5891" width="28.7109375" style="36" customWidth="1"/>
    <col min="5892" max="5892" width="33.42578125" style="36" customWidth="1"/>
    <col min="5893" max="5893" width="10.42578125" style="36" bestFit="1" customWidth="1"/>
    <col min="5894" max="6144" width="9.140625" style="36"/>
    <col min="6145" max="6145" width="4.7109375" style="36" bestFit="1" customWidth="1"/>
    <col min="6146" max="6146" width="19.7109375" style="36" customWidth="1"/>
    <col min="6147" max="6147" width="28.7109375" style="36" customWidth="1"/>
    <col min="6148" max="6148" width="33.42578125" style="36" customWidth="1"/>
    <col min="6149" max="6149" width="10.42578125" style="36" bestFit="1" customWidth="1"/>
    <col min="6150" max="6400" width="9.140625" style="36"/>
    <col min="6401" max="6401" width="4.7109375" style="36" bestFit="1" customWidth="1"/>
    <col min="6402" max="6402" width="19.7109375" style="36" customWidth="1"/>
    <col min="6403" max="6403" width="28.7109375" style="36" customWidth="1"/>
    <col min="6404" max="6404" width="33.42578125" style="36" customWidth="1"/>
    <col min="6405" max="6405" width="10.42578125" style="36" bestFit="1" customWidth="1"/>
    <col min="6406" max="6656" width="9.140625" style="36"/>
    <col min="6657" max="6657" width="4.7109375" style="36" bestFit="1" customWidth="1"/>
    <col min="6658" max="6658" width="19.7109375" style="36" customWidth="1"/>
    <col min="6659" max="6659" width="28.7109375" style="36" customWidth="1"/>
    <col min="6660" max="6660" width="33.42578125" style="36" customWidth="1"/>
    <col min="6661" max="6661" width="10.42578125" style="36" bestFit="1" customWidth="1"/>
    <col min="6662" max="6912" width="9.140625" style="36"/>
    <col min="6913" max="6913" width="4.7109375" style="36" bestFit="1" customWidth="1"/>
    <col min="6914" max="6914" width="19.7109375" style="36" customWidth="1"/>
    <col min="6915" max="6915" width="28.7109375" style="36" customWidth="1"/>
    <col min="6916" max="6916" width="33.42578125" style="36" customWidth="1"/>
    <col min="6917" max="6917" width="10.42578125" style="36" bestFit="1" customWidth="1"/>
    <col min="6918" max="7168" width="9.140625" style="36"/>
    <col min="7169" max="7169" width="4.7109375" style="36" bestFit="1" customWidth="1"/>
    <col min="7170" max="7170" width="19.7109375" style="36" customWidth="1"/>
    <col min="7171" max="7171" width="28.7109375" style="36" customWidth="1"/>
    <col min="7172" max="7172" width="33.42578125" style="36" customWidth="1"/>
    <col min="7173" max="7173" width="10.42578125" style="36" bestFit="1" customWidth="1"/>
    <col min="7174" max="7424" width="9.140625" style="36"/>
    <col min="7425" max="7425" width="4.7109375" style="36" bestFit="1" customWidth="1"/>
    <col min="7426" max="7426" width="19.7109375" style="36" customWidth="1"/>
    <col min="7427" max="7427" width="28.7109375" style="36" customWidth="1"/>
    <col min="7428" max="7428" width="33.42578125" style="36" customWidth="1"/>
    <col min="7429" max="7429" width="10.42578125" style="36" bestFit="1" customWidth="1"/>
    <col min="7430" max="7680" width="9.140625" style="36"/>
    <col min="7681" max="7681" width="4.7109375" style="36" bestFit="1" customWidth="1"/>
    <col min="7682" max="7682" width="19.7109375" style="36" customWidth="1"/>
    <col min="7683" max="7683" width="28.7109375" style="36" customWidth="1"/>
    <col min="7684" max="7684" width="33.42578125" style="36" customWidth="1"/>
    <col min="7685" max="7685" width="10.42578125" style="36" bestFit="1" customWidth="1"/>
    <col min="7686" max="7936" width="9.140625" style="36"/>
    <col min="7937" max="7937" width="4.7109375" style="36" bestFit="1" customWidth="1"/>
    <col min="7938" max="7938" width="19.7109375" style="36" customWidth="1"/>
    <col min="7939" max="7939" width="28.7109375" style="36" customWidth="1"/>
    <col min="7940" max="7940" width="33.42578125" style="36" customWidth="1"/>
    <col min="7941" max="7941" width="10.42578125" style="36" bestFit="1" customWidth="1"/>
    <col min="7942" max="8192" width="9.140625" style="36"/>
    <col min="8193" max="8193" width="4.7109375" style="36" bestFit="1" customWidth="1"/>
    <col min="8194" max="8194" width="19.7109375" style="36" customWidth="1"/>
    <col min="8195" max="8195" width="28.7109375" style="36" customWidth="1"/>
    <col min="8196" max="8196" width="33.42578125" style="36" customWidth="1"/>
    <col min="8197" max="8197" width="10.42578125" style="36" bestFit="1" customWidth="1"/>
    <col min="8198" max="8448" width="9.140625" style="36"/>
    <col min="8449" max="8449" width="4.7109375" style="36" bestFit="1" customWidth="1"/>
    <col min="8450" max="8450" width="19.7109375" style="36" customWidth="1"/>
    <col min="8451" max="8451" width="28.7109375" style="36" customWidth="1"/>
    <col min="8452" max="8452" width="33.42578125" style="36" customWidth="1"/>
    <col min="8453" max="8453" width="10.42578125" style="36" bestFit="1" customWidth="1"/>
    <col min="8454" max="8704" width="9.140625" style="36"/>
    <col min="8705" max="8705" width="4.7109375" style="36" bestFit="1" customWidth="1"/>
    <col min="8706" max="8706" width="19.7109375" style="36" customWidth="1"/>
    <col min="8707" max="8707" width="28.7109375" style="36" customWidth="1"/>
    <col min="8708" max="8708" width="33.42578125" style="36" customWidth="1"/>
    <col min="8709" max="8709" width="10.42578125" style="36" bestFit="1" customWidth="1"/>
    <col min="8710" max="8960" width="9.140625" style="36"/>
    <col min="8961" max="8961" width="4.7109375" style="36" bestFit="1" customWidth="1"/>
    <col min="8962" max="8962" width="19.7109375" style="36" customWidth="1"/>
    <col min="8963" max="8963" width="28.7109375" style="36" customWidth="1"/>
    <col min="8964" max="8964" width="33.42578125" style="36" customWidth="1"/>
    <col min="8965" max="8965" width="10.42578125" style="36" bestFit="1" customWidth="1"/>
    <col min="8966" max="9216" width="9.140625" style="36"/>
    <col min="9217" max="9217" width="4.7109375" style="36" bestFit="1" customWidth="1"/>
    <col min="9218" max="9218" width="19.7109375" style="36" customWidth="1"/>
    <col min="9219" max="9219" width="28.7109375" style="36" customWidth="1"/>
    <col min="9220" max="9220" width="33.42578125" style="36" customWidth="1"/>
    <col min="9221" max="9221" width="10.42578125" style="36" bestFit="1" customWidth="1"/>
    <col min="9222" max="9472" width="9.140625" style="36"/>
    <col min="9473" max="9473" width="4.7109375" style="36" bestFit="1" customWidth="1"/>
    <col min="9474" max="9474" width="19.7109375" style="36" customWidth="1"/>
    <col min="9475" max="9475" width="28.7109375" style="36" customWidth="1"/>
    <col min="9476" max="9476" width="33.42578125" style="36" customWidth="1"/>
    <col min="9477" max="9477" width="10.42578125" style="36" bestFit="1" customWidth="1"/>
    <col min="9478" max="9728" width="9.140625" style="36"/>
    <col min="9729" max="9729" width="4.7109375" style="36" bestFit="1" customWidth="1"/>
    <col min="9730" max="9730" width="19.7109375" style="36" customWidth="1"/>
    <col min="9731" max="9731" width="28.7109375" style="36" customWidth="1"/>
    <col min="9732" max="9732" width="33.42578125" style="36" customWidth="1"/>
    <col min="9733" max="9733" width="10.42578125" style="36" bestFit="1" customWidth="1"/>
    <col min="9734" max="9984" width="9.140625" style="36"/>
    <col min="9985" max="9985" width="4.7109375" style="36" bestFit="1" customWidth="1"/>
    <col min="9986" max="9986" width="19.7109375" style="36" customWidth="1"/>
    <col min="9987" max="9987" width="28.7109375" style="36" customWidth="1"/>
    <col min="9988" max="9988" width="33.42578125" style="36" customWidth="1"/>
    <col min="9989" max="9989" width="10.42578125" style="36" bestFit="1" customWidth="1"/>
    <col min="9990" max="10240" width="9.140625" style="36"/>
    <col min="10241" max="10241" width="4.7109375" style="36" bestFit="1" customWidth="1"/>
    <col min="10242" max="10242" width="19.7109375" style="36" customWidth="1"/>
    <col min="10243" max="10243" width="28.7109375" style="36" customWidth="1"/>
    <col min="10244" max="10244" width="33.42578125" style="36" customWidth="1"/>
    <col min="10245" max="10245" width="10.42578125" style="36" bestFit="1" customWidth="1"/>
    <col min="10246" max="10496" width="9.140625" style="36"/>
    <col min="10497" max="10497" width="4.7109375" style="36" bestFit="1" customWidth="1"/>
    <col min="10498" max="10498" width="19.7109375" style="36" customWidth="1"/>
    <col min="10499" max="10499" width="28.7109375" style="36" customWidth="1"/>
    <col min="10500" max="10500" width="33.42578125" style="36" customWidth="1"/>
    <col min="10501" max="10501" width="10.42578125" style="36" bestFit="1" customWidth="1"/>
    <col min="10502" max="10752" width="9.140625" style="36"/>
    <col min="10753" max="10753" width="4.7109375" style="36" bestFit="1" customWidth="1"/>
    <col min="10754" max="10754" width="19.7109375" style="36" customWidth="1"/>
    <col min="10755" max="10755" width="28.7109375" style="36" customWidth="1"/>
    <col min="10756" max="10756" width="33.42578125" style="36" customWidth="1"/>
    <col min="10757" max="10757" width="10.42578125" style="36" bestFit="1" customWidth="1"/>
    <col min="10758" max="11008" width="9.140625" style="36"/>
    <col min="11009" max="11009" width="4.7109375" style="36" bestFit="1" customWidth="1"/>
    <col min="11010" max="11010" width="19.7109375" style="36" customWidth="1"/>
    <col min="11011" max="11011" width="28.7109375" style="36" customWidth="1"/>
    <col min="11012" max="11012" width="33.42578125" style="36" customWidth="1"/>
    <col min="11013" max="11013" width="10.42578125" style="36" bestFit="1" customWidth="1"/>
    <col min="11014" max="11264" width="9.140625" style="36"/>
    <col min="11265" max="11265" width="4.7109375" style="36" bestFit="1" customWidth="1"/>
    <col min="11266" max="11266" width="19.7109375" style="36" customWidth="1"/>
    <col min="11267" max="11267" width="28.7109375" style="36" customWidth="1"/>
    <col min="11268" max="11268" width="33.42578125" style="36" customWidth="1"/>
    <col min="11269" max="11269" width="10.42578125" style="36" bestFit="1" customWidth="1"/>
    <col min="11270" max="11520" width="9.140625" style="36"/>
    <col min="11521" max="11521" width="4.7109375" style="36" bestFit="1" customWidth="1"/>
    <col min="11522" max="11522" width="19.7109375" style="36" customWidth="1"/>
    <col min="11523" max="11523" width="28.7109375" style="36" customWidth="1"/>
    <col min="11524" max="11524" width="33.42578125" style="36" customWidth="1"/>
    <col min="11525" max="11525" width="10.42578125" style="36" bestFit="1" customWidth="1"/>
    <col min="11526" max="11776" width="9.140625" style="36"/>
    <col min="11777" max="11777" width="4.7109375" style="36" bestFit="1" customWidth="1"/>
    <col min="11778" max="11778" width="19.7109375" style="36" customWidth="1"/>
    <col min="11779" max="11779" width="28.7109375" style="36" customWidth="1"/>
    <col min="11780" max="11780" width="33.42578125" style="36" customWidth="1"/>
    <col min="11781" max="11781" width="10.42578125" style="36" bestFit="1" customWidth="1"/>
    <col min="11782" max="12032" width="9.140625" style="36"/>
    <col min="12033" max="12033" width="4.7109375" style="36" bestFit="1" customWidth="1"/>
    <col min="12034" max="12034" width="19.7109375" style="36" customWidth="1"/>
    <col min="12035" max="12035" width="28.7109375" style="36" customWidth="1"/>
    <col min="12036" max="12036" width="33.42578125" style="36" customWidth="1"/>
    <col min="12037" max="12037" width="10.42578125" style="36" bestFit="1" customWidth="1"/>
    <col min="12038" max="12288" width="9.140625" style="36"/>
    <col min="12289" max="12289" width="4.7109375" style="36" bestFit="1" customWidth="1"/>
    <col min="12290" max="12290" width="19.7109375" style="36" customWidth="1"/>
    <col min="12291" max="12291" width="28.7109375" style="36" customWidth="1"/>
    <col min="12292" max="12292" width="33.42578125" style="36" customWidth="1"/>
    <col min="12293" max="12293" width="10.42578125" style="36" bestFit="1" customWidth="1"/>
    <col min="12294" max="12544" width="9.140625" style="36"/>
    <col min="12545" max="12545" width="4.7109375" style="36" bestFit="1" customWidth="1"/>
    <col min="12546" max="12546" width="19.7109375" style="36" customWidth="1"/>
    <col min="12547" max="12547" width="28.7109375" style="36" customWidth="1"/>
    <col min="12548" max="12548" width="33.42578125" style="36" customWidth="1"/>
    <col min="12549" max="12549" width="10.42578125" style="36" bestFit="1" customWidth="1"/>
    <col min="12550" max="12800" width="9.140625" style="36"/>
    <col min="12801" max="12801" width="4.7109375" style="36" bestFit="1" customWidth="1"/>
    <col min="12802" max="12802" width="19.7109375" style="36" customWidth="1"/>
    <col min="12803" max="12803" width="28.7109375" style="36" customWidth="1"/>
    <col min="12804" max="12804" width="33.42578125" style="36" customWidth="1"/>
    <col min="12805" max="12805" width="10.42578125" style="36" bestFit="1" customWidth="1"/>
    <col min="12806" max="13056" width="9.140625" style="36"/>
    <col min="13057" max="13057" width="4.7109375" style="36" bestFit="1" customWidth="1"/>
    <col min="13058" max="13058" width="19.7109375" style="36" customWidth="1"/>
    <col min="13059" max="13059" width="28.7109375" style="36" customWidth="1"/>
    <col min="13060" max="13060" width="33.42578125" style="36" customWidth="1"/>
    <col min="13061" max="13061" width="10.42578125" style="36" bestFit="1" customWidth="1"/>
    <col min="13062" max="13312" width="9.140625" style="36"/>
    <col min="13313" max="13313" width="4.7109375" style="36" bestFit="1" customWidth="1"/>
    <col min="13314" max="13314" width="19.7109375" style="36" customWidth="1"/>
    <col min="13315" max="13315" width="28.7109375" style="36" customWidth="1"/>
    <col min="13316" max="13316" width="33.42578125" style="36" customWidth="1"/>
    <col min="13317" max="13317" width="10.42578125" style="36" bestFit="1" customWidth="1"/>
    <col min="13318" max="13568" width="9.140625" style="36"/>
    <col min="13569" max="13569" width="4.7109375" style="36" bestFit="1" customWidth="1"/>
    <col min="13570" max="13570" width="19.7109375" style="36" customWidth="1"/>
    <col min="13571" max="13571" width="28.7109375" style="36" customWidth="1"/>
    <col min="13572" max="13572" width="33.42578125" style="36" customWidth="1"/>
    <col min="13573" max="13573" width="10.42578125" style="36" bestFit="1" customWidth="1"/>
    <col min="13574" max="13824" width="9.140625" style="36"/>
    <col min="13825" max="13825" width="4.7109375" style="36" bestFit="1" customWidth="1"/>
    <col min="13826" max="13826" width="19.7109375" style="36" customWidth="1"/>
    <col min="13827" max="13827" width="28.7109375" style="36" customWidth="1"/>
    <col min="13828" max="13828" width="33.42578125" style="36" customWidth="1"/>
    <col min="13829" max="13829" width="10.42578125" style="36" bestFit="1" customWidth="1"/>
    <col min="13830" max="14080" width="9.140625" style="36"/>
    <col min="14081" max="14081" width="4.7109375" style="36" bestFit="1" customWidth="1"/>
    <col min="14082" max="14082" width="19.7109375" style="36" customWidth="1"/>
    <col min="14083" max="14083" width="28.7109375" style="36" customWidth="1"/>
    <col min="14084" max="14084" width="33.42578125" style="36" customWidth="1"/>
    <col min="14085" max="14085" width="10.42578125" style="36" bestFit="1" customWidth="1"/>
    <col min="14086" max="14336" width="9.140625" style="36"/>
    <col min="14337" max="14337" width="4.7109375" style="36" bestFit="1" customWidth="1"/>
    <col min="14338" max="14338" width="19.7109375" style="36" customWidth="1"/>
    <col min="14339" max="14339" width="28.7109375" style="36" customWidth="1"/>
    <col min="14340" max="14340" width="33.42578125" style="36" customWidth="1"/>
    <col min="14341" max="14341" width="10.42578125" style="36" bestFit="1" customWidth="1"/>
    <col min="14342" max="14592" width="9.140625" style="36"/>
    <col min="14593" max="14593" width="4.7109375" style="36" bestFit="1" customWidth="1"/>
    <col min="14594" max="14594" width="19.7109375" style="36" customWidth="1"/>
    <col min="14595" max="14595" width="28.7109375" style="36" customWidth="1"/>
    <col min="14596" max="14596" width="33.42578125" style="36" customWidth="1"/>
    <col min="14597" max="14597" width="10.42578125" style="36" bestFit="1" customWidth="1"/>
    <col min="14598" max="14848" width="9.140625" style="36"/>
    <col min="14849" max="14849" width="4.7109375" style="36" bestFit="1" customWidth="1"/>
    <col min="14850" max="14850" width="19.7109375" style="36" customWidth="1"/>
    <col min="14851" max="14851" width="28.7109375" style="36" customWidth="1"/>
    <col min="14852" max="14852" width="33.42578125" style="36" customWidth="1"/>
    <col min="14853" max="14853" width="10.42578125" style="36" bestFit="1" customWidth="1"/>
    <col min="14854" max="15104" width="9.140625" style="36"/>
    <col min="15105" max="15105" width="4.7109375" style="36" bestFit="1" customWidth="1"/>
    <col min="15106" max="15106" width="19.7109375" style="36" customWidth="1"/>
    <col min="15107" max="15107" width="28.7109375" style="36" customWidth="1"/>
    <col min="15108" max="15108" width="33.42578125" style="36" customWidth="1"/>
    <col min="15109" max="15109" width="10.42578125" style="36" bestFit="1" customWidth="1"/>
    <col min="15110" max="15360" width="9.140625" style="36"/>
    <col min="15361" max="15361" width="4.7109375" style="36" bestFit="1" customWidth="1"/>
    <col min="15362" max="15362" width="19.7109375" style="36" customWidth="1"/>
    <col min="15363" max="15363" width="28.7109375" style="36" customWidth="1"/>
    <col min="15364" max="15364" width="33.42578125" style="36" customWidth="1"/>
    <col min="15365" max="15365" width="10.42578125" style="36" bestFit="1" customWidth="1"/>
    <col min="15366" max="15616" width="9.140625" style="36"/>
    <col min="15617" max="15617" width="4.7109375" style="36" bestFit="1" customWidth="1"/>
    <col min="15618" max="15618" width="19.7109375" style="36" customWidth="1"/>
    <col min="15619" max="15619" width="28.7109375" style="36" customWidth="1"/>
    <col min="15620" max="15620" width="33.42578125" style="36" customWidth="1"/>
    <col min="15621" max="15621" width="10.42578125" style="36" bestFit="1" customWidth="1"/>
    <col min="15622" max="15872" width="9.140625" style="36"/>
    <col min="15873" max="15873" width="4.7109375" style="36" bestFit="1" customWidth="1"/>
    <col min="15874" max="15874" width="19.7109375" style="36" customWidth="1"/>
    <col min="15875" max="15875" width="28.7109375" style="36" customWidth="1"/>
    <col min="15876" max="15876" width="33.42578125" style="36" customWidth="1"/>
    <col min="15877" max="15877" width="10.42578125" style="36" bestFit="1" customWidth="1"/>
    <col min="15878" max="16128" width="9.140625" style="36"/>
    <col min="16129" max="16129" width="4.7109375" style="36" bestFit="1" customWidth="1"/>
    <col min="16130" max="16130" width="19.7109375" style="36" customWidth="1"/>
    <col min="16131" max="16131" width="28.7109375" style="36" customWidth="1"/>
    <col min="16132" max="16132" width="33.42578125" style="36" customWidth="1"/>
    <col min="16133" max="16133" width="10.42578125" style="36" bestFit="1" customWidth="1"/>
    <col min="16134" max="16384" width="9.140625" style="36"/>
  </cols>
  <sheetData>
    <row r="1" spans="1:10" ht="20.100000000000001" customHeight="1" x14ac:dyDescent="0.2">
      <c r="A1" s="247" t="s">
        <v>13</v>
      </c>
      <c r="B1" s="247"/>
      <c r="C1" s="244"/>
      <c r="D1" s="244"/>
    </row>
    <row r="2" spans="1:10" s="37" customFormat="1" ht="33" customHeight="1" x14ac:dyDescent="0.25">
      <c r="A2" s="245" t="s">
        <v>85</v>
      </c>
      <c r="B2" s="245"/>
      <c r="C2" s="245"/>
      <c r="D2" s="245"/>
    </row>
    <row r="3" spans="1:10" s="37" customFormat="1" ht="15" customHeight="1" x14ac:dyDescent="0.25">
      <c r="A3" s="38"/>
      <c r="B3" s="38"/>
      <c r="C3" s="38"/>
      <c r="D3" s="38"/>
    </row>
    <row r="4" spans="1:10" ht="15" customHeight="1" x14ac:dyDescent="0.25">
      <c r="A4" s="243" t="s">
        <v>36</v>
      </c>
      <c r="B4" s="243"/>
      <c r="C4" s="243"/>
      <c r="D4" s="243"/>
      <c r="E4" s="39"/>
      <c r="F4" s="39"/>
      <c r="G4" s="39"/>
      <c r="H4" s="39"/>
      <c r="I4" s="39"/>
      <c r="J4" s="39"/>
    </row>
    <row r="6" spans="1:10" s="37" customFormat="1" ht="20.25" customHeight="1" x14ac:dyDescent="0.25">
      <c r="A6" s="248" t="s">
        <v>1</v>
      </c>
      <c r="B6" s="248"/>
      <c r="C6" s="223" t="str">
        <f>IF('Príloha č. 1'!$C$6="","",'Príloha č. 1'!$C$6)</f>
        <v/>
      </c>
      <c r="D6" s="224"/>
    </row>
    <row r="7" spans="1:10" s="37" customFormat="1" ht="20.100000000000001" customHeight="1" x14ac:dyDescent="0.25">
      <c r="A7" s="248" t="s">
        <v>2</v>
      </c>
      <c r="B7" s="248"/>
      <c r="C7" s="222" t="str">
        <f>IF('Príloha č. 1'!$C$7="","",'Príloha č. 1'!$C$7)</f>
        <v/>
      </c>
      <c r="D7" s="221"/>
    </row>
    <row r="8" spans="1:10" ht="20.100000000000001" customHeight="1" x14ac:dyDescent="0.2">
      <c r="A8" s="247" t="s">
        <v>3</v>
      </c>
      <c r="B8" s="247"/>
      <c r="C8" s="222" t="str">
        <f>IF('Príloha č. 1'!$C$8="","",'Príloha č. 1'!$C$8)</f>
        <v/>
      </c>
      <c r="D8" s="221"/>
    </row>
    <row r="9" spans="1:10" ht="20.100000000000001" customHeight="1" x14ac:dyDescent="0.2">
      <c r="A9" s="247" t="s">
        <v>4</v>
      </c>
      <c r="B9" s="247"/>
      <c r="C9" s="222" t="str">
        <f>IF('Príloha č. 1'!$C$9="","",'Príloha č. 1'!$C$9)</f>
        <v/>
      </c>
      <c r="D9" s="221"/>
    </row>
    <row r="10" spans="1:10" ht="20.100000000000001" customHeight="1" x14ac:dyDescent="0.25">
      <c r="A10" s="33"/>
      <c r="B10" s="33"/>
      <c r="C10" s="40"/>
      <c r="D10" s="33"/>
    </row>
    <row r="11" spans="1:10" s="41" customFormat="1" ht="20.100000000000001" customHeight="1" x14ac:dyDescent="0.25">
      <c r="A11" s="251" t="s">
        <v>37</v>
      </c>
      <c r="B11" s="251"/>
      <c r="C11" s="251"/>
      <c r="D11" s="251"/>
    </row>
    <row r="12" spans="1:10" ht="74.25" customHeight="1" x14ac:dyDescent="0.2">
      <c r="A12" s="252" t="s">
        <v>38</v>
      </c>
      <c r="B12" s="248" t="s">
        <v>39</v>
      </c>
      <c r="C12" s="248"/>
      <c r="D12" s="248"/>
    </row>
    <row r="13" spans="1:10" ht="47.25" customHeight="1" x14ac:dyDescent="0.2">
      <c r="A13" s="252" t="s">
        <v>38</v>
      </c>
      <c r="B13" s="248" t="s">
        <v>40</v>
      </c>
      <c r="C13" s="248"/>
      <c r="D13" s="248"/>
    </row>
    <row r="14" spans="1:10" ht="48.75" customHeight="1" x14ac:dyDescent="0.2">
      <c r="A14" s="252" t="s">
        <v>38</v>
      </c>
      <c r="B14" s="248" t="s">
        <v>41</v>
      </c>
      <c r="C14" s="248"/>
      <c r="D14" s="248"/>
    </row>
    <row r="15" spans="1:10" ht="9" customHeight="1" x14ac:dyDescent="0.2">
      <c r="A15" s="253"/>
      <c r="B15" s="253"/>
      <c r="C15" s="253"/>
      <c r="D15" s="253"/>
    </row>
    <row r="16" spans="1:10" s="41" customFormat="1" ht="20.100000000000001" customHeight="1" x14ac:dyDescent="0.25">
      <c r="A16" s="254" t="s">
        <v>9</v>
      </c>
      <c r="B16" s="255" t="str">
        <f>IF('Príloha č. 1'!B19:C19="","",'Príloha č. 1'!B19:C19)</f>
        <v/>
      </c>
      <c r="C16" s="254"/>
      <c r="D16" s="254"/>
    </row>
    <row r="17" spans="1:5" s="41" customFormat="1" ht="20.100000000000001" customHeight="1" x14ac:dyDescent="0.25">
      <c r="A17" s="254" t="s">
        <v>10</v>
      </c>
      <c r="B17" s="256" t="str">
        <f>IF('Príloha č. 1'!B20:C20="","",'Príloha č. 1'!B20:C20)</f>
        <v/>
      </c>
      <c r="C17" s="254"/>
      <c r="D17" s="254"/>
    </row>
    <row r="18" spans="1:5" ht="13.5" customHeight="1" x14ac:dyDescent="0.2">
      <c r="A18" s="253"/>
      <c r="B18" s="253"/>
      <c r="C18" s="253"/>
      <c r="D18" s="257"/>
    </row>
    <row r="19" spans="1:5" ht="15" customHeight="1" x14ac:dyDescent="0.2">
      <c r="A19" s="253"/>
      <c r="B19" s="253"/>
      <c r="C19" s="258" t="s">
        <v>42</v>
      </c>
      <c r="D19" s="259"/>
    </row>
    <row r="20" spans="1:5" x14ac:dyDescent="0.2">
      <c r="A20" s="253"/>
      <c r="B20" s="253"/>
      <c r="C20" s="260"/>
      <c r="D20" s="261" t="s">
        <v>43</v>
      </c>
    </row>
    <row r="21" spans="1:5" s="43" customFormat="1" ht="15" x14ac:dyDescent="0.25">
      <c r="A21" s="262" t="s">
        <v>12</v>
      </c>
      <c r="B21" s="262"/>
      <c r="C21" s="250"/>
      <c r="D21" s="34"/>
    </row>
    <row r="22" spans="1:5" s="43" customFormat="1" ht="12" customHeight="1" x14ac:dyDescent="0.25">
      <c r="A22" s="263"/>
      <c r="B22" s="246" t="s">
        <v>14</v>
      </c>
      <c r="C22" s="246"/>
      <c r="D22" s="42"/>
      <c r="E22" s="44"/>
    </row>
    <row r="23" spans="1:5" ht="15" x14ac:dyDescent="0.25">
      <c r="A23" s="249"/>
      <c r="B23" s="249"/>
      <c r="C23" s="249"/>
      <c r="D23" s="33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5&amp;"Arial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H13" sqref="H13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225" t="s">
        <v>13</v>
      </c>
      <c r="B1" s="225"/>
    </row>
    <row r="2" spans="1:12" ht="33.75" customHeight="1" x14ac:dyDescent="0.25">
      <c r="A2" s="226" t="s">
        <v>85</v>
      </c>
      <c r="B2" s="226"/>
      <c r="C2" s="226"/>
      <c r="D2" s="226"/>
      <c r="E2" s="48"/>
      <c r="F2" s="48"/>
      <c r="G2" s="48"/>
      <c r="H2" s="48"/>
      <c r="I2" s="48"/>
      <c r="J2" s="48"/>
      <c r="K2" s="48"/>
      <c r="L2" s="48"/>
    </row>
    <row r="3" spans="1:12" ht="15" customHeight="1" x14ac:dyDescent="0.25">
      <c r="A3" s="220"/>
      <c r="B3" s="220"/>
      <c r="C3" s="220"/>
      <c r="D3" s="220"/>
      <c r="E3" s="220"/>
      <c r="F3" s="30"/>
      <c r="G3" s="30"/>
      <c r="H3" s="30"/>
    </row>
    <row r="4" spans="1:12" s="12" customFormat="1" ht="55.5" customHeight="1" x14ac:dyDescent="0.25">
      <c r="A4" s="227" t="s">
        <v>30</v>
      </c>
      <c r="B4" s="227"/>
      <c r="C4" s="227"/>
      <c r="D4" s="227"/>
      <c r="E4" s="23"/>
      <c r="F4" s="23"/>
      <c r="G4" s="23"/>
      <c r="H4" s="23"/>
      <c r="I4" s="23"/>
      <c r="J4" s="23"/>
      <c r="K4" s="23"/>
      <c r="L4" s="23"/>
    </row>
    <row r="5" spans="1:12" s="12" customFormat="1" ht="18.75" x14ac:dyDescent="0.25">
      <c r="A5" s="31"/>
      <c r="B5" s="31"/>
      <c r="C5" s="31"/>
      <c r="D5" s="31"/>
      <c r="E5" s="23"/>
      <c r="F5" s="23"/>
      <c r="G5" s="23"/>
      <c r="H5" s="23"/>
      <c r="I5" s="23"/>
      <c r="J5" s="23"/>
      <c r="K5" s="23"/>
      <c r="L5" s="23"/>
    </row>
    <row r="6" spans="1:12" s="12" customFormat="1" ht="20.100000000000001" customHeight="1" x14ac:dyDescent="0.25">
      <c r="A6" s="228" t="s">
        <v>1</v>
      </c>
      <c r="B6" s="228"/>
      <c r="C6" s="229" t="str">
        <f>IF('Príloha č. 1'!$C$6="","",'Príloha č. 1'!$C$6)</f>
        <v/>
      </c>
      <c r="D6" s="229"/>
      <c r="J6" s="24"/>
    </row>
    <row r="7" spans="1:12" s="12" customFormat="1" ht="20.100000000000001" customHeight="1" x14ac:dyDescent="0.25">
      <c r="A7" s="230" t="s">
        <v>2</v>
      </c>
      <c r="B7" s="230"/>
      <c r="C7" s="231" t="str">
        <f>IF('Príloha č. 1'!$C$7="","",'Príloha č. 1'!$C$7)</f>
        <v/>
      </c>
      <c r="D7" s="231"/>
    </row>
    <row r="8" spans="1:12" s="12" customFormat="1" ht="20.100000000000001" customHeight="1" x14ac:dyDescent="0.25">
      <c r="A8" s="230" t="s">
        <v>3</v>
      </c>
      <c r="B8" s="230"/>
      <c r="C8" s="231" t="str">
        <f>IF('Príloha č. 1'!$C$8="","",'Príloha č. 1'!$C$8)</f>
        <v/>
      </c>
      <c r="D8" s="231"/>
    </row>
    <row r="9" spans="1:12" s="12" customFormat="1" ht="20.100000000000001" customHeight="1" x14ac:dyDescent="0.25">
      <c r="A9" s="230" t="s">
        <v>4</v>
      </c>
      <c r="B9" s="230"/>
      <c r="C9" s="231" t="str">
        <f>IF('Príloha č. 1'!$C$9="","",'Príloha č. 1'!$C$9)</f>
        <v/>
      </c>
      <c r="D9" s="231"/>
    </row>
    <row r="10" spans="1:12" x14ac:dyDescent="0.25">
      <c r="A10" s="232"/>
      <c r="B10" s="232"/>
      <c r="C10" s="233"/>
      <c r="D10" s="232"/>
    </row>
    <row r="11" spans="1:12" ht="48" customHeight="1" x14ac:dyDescent="0.25">
      <c r="A11" s="234" t="s">
        <v>31</v>
      </c>
      <c r="B11" s="234"/>
      <c r="C11" s="234"/>
      <c r="D11" s="234"/>
    </row>
    <row r="12" spans="1:12" x14ac:dyDescent="0.25">
      <c r="A12" s="232"/>
      <c r="B12" s="232"/>
      <c r="C12" s="233"/>
      <c r="D12" s="232"/>
    </row>
    <row r="13" spans="1:12" x14ac:dyDescent="0.25">
      <c r="A13" s="232"/>
      <c r="B13" s="232"/>
      <c r="C13" s="232"/>
      <c r="D13" s="232"/>
    </row>
    <row r="14" spans="1:12" ht="20.100000000000001" customHeight="1" x14ac:dyDescent="0.25">
      <c r="A14" s="232" t="s">
        <v>9</v>
      </c>
      <c r="B14" s="235" t="str">
        <f>IF('Príloha č. 1'!B19:C19="","",'Príloha č. 1'!B19:C19)</f>
        <v/>
      </c>
      <c r="C14" s="235"/>
      <c r="D14" s="232"/>
    </row>
    <row r="15" spans="1:12" ht="20.100000000000001" customHeight="1" x14ac:dyDescent="0.25">
      <c r="A15" s="232" t="s">
        <v>10</v>
      </c>
      <c r="B15" s="236" t="str">
        <f>IF('Príloha č. 1'!B20:C20="","",'Príloha č. 1'!B20:C20)</f>
        <v/>
      </c>
      <c r="C15" s="236"/>
      <c r="D15" s="232"/>
    </row>
    <row r="16" spans="1:12" x14ac:dyDescent="0.25">
      <c r="A16" s="232"/>
      <c r="B16" s="232"/>
      <c r="C16" s="232"/>
      <c r="D16" s="232"/>
    </row>
    <row r="17" spans="1:12" x14ac:dyDescent="0.25">
      <c r="A17" s="232"/>
      <c r="B17" s="232"/>
      <c r="C17" s="232"/>
      <c r="D17" s="232"/>
    </row>
    <row r="18" spans="1:12" ht="24.95" customHeight="1" x14ac:dyDescent="0.25">
      <c r="A18" s="232"/>
      <c r="B18" s="232"/>
      <c r="C18" s="237" t="s">
        <v>28</v>
      </c>
      <c r="D18" s="114"/>
      <c r="K18" s="25"/>
      <c r="L18" s="25"/>
    </row>
    <row r="19" spans="1:12" ht="24.95" customHeight="1" x14ac:dyDescent="0.25">
      <c r="A19" s="232"/>
      <c r="B19" s="232"/>
      <c r="C19" s="237" t="s">
        <v>29</v>
      </c>
      <c r="D19" s="238"/>
    </row>
    <row r="20" spans="1:12" x14ac:dyDescent="0.25">
      <c r="C20" s="32"/>
      <c r="D20" s="13"/>
    </row>
    <row r="21" spans="1:12" s="13" customFormat="1" x14ac:dyDescent="0.25">
      <c r="A21" s="218" t="s">
        <v>12</v>
      </c>
      <c r="B21" s="218"/>
      <c r="E21" s="11"/>
    </row>
    <row r="22" spans="1:12" s="16" customFormat="1" ht="15" customHeight="1" x14ac:dyDescent="0.25">
      <c r="A22" s="14"/>
      <c r="B22" s="219" t="s">
        <v>14</v>
      </c>
      <c r="C22" s="219"/>
      <c r="D22" s="15"/>
      <c r="E22" s="11"/>
    </row>
    <row r="23" spans="1:12" s="20" customFormat="1" x14ac:dyDescent="0.25">
      <c r="A23" s="11"/>
      <c r="B23" s="17"/>
      <c r="C23" s="26"/>
      <c r="D23" s="18"/>
      <c r="E23" s="11"/>
      <c r="F23" s="19"/>
      <c r="G23" s="18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
&amp;"Times New Roman,Normálne"Vyhlásenie uchádzača o neuloženom zákaze účasti vo verejnom obstarávaní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tabSelected="1" zoomScale="90" zoomScaleNormal="90" workbookViewId="0">
      <selection activeCell="I15" sqref="I15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9" width="15.7109375" style="11" customWidth="1"/>
    <col min="10" max="16384" width="9.140625" style="11"/>
  </cols>
  <sheetData>
    <row r="1" spans="1:12" x14ac:dyDescent="0.25">
      <c r="A1" s="225" t="s">
        <v>13</v>
      </c>
      <c r="B1" s="225"/>
    </row>
    <row r="2" spans="1:12" ht="33.75" customHeight="1" x14ac:dyDescent="0.25">
      <c r="A2" s="226" t="s">
        <v>85</v>
      </c>
      <c r="B2" s="226"/>
      <c r="C2" s="226"/>
      <c r="D2" s="226"/>
      <c r="E2" s="48"/>
      <c r="F2" s="48"/>
      <c r="G2" s="48"/>
      <c r="H2" s="48"/>
      <c r="I2" s="48"/>
      <c r="J2" s="48"/>
      <c r="K2" s="48"/>
      <c r="L2" s="48"/>
    </row>
    <row r="3" spans="1:12" ht="15" customHeight="1" x14ac:dyDescent="0.25">
      <c r="A3" s="220"/>
      <c r="B3" s="220"/>
      <c r="C3" s="220"/>
      <c r="D3" s="220"/>
      <c r="E3" s="220"/>
      <c r="F3" s="30"/>
      <c r="G3" s="30"/>
      <c r="H3" s="30"/>
    </row>
    <row r="4" spans="1:12" s="12" customFormat="1" ht="40.5" customHeight="1" x14ac:dyDescent="0.25">
      <c r="A4" s="227" t="s">
        <v>32</v>
      </c>
      <c r="B4" s="227"/>
      <c r="C4" s="227"/>
      <c r="D4" s="227"/>
      <c r="E4" s="23"/>
      <c r="F4" s="23"/>
      <c r="G4" s="23"/>
      <c r="H4" s="23"/>
      <c r="I4" s="23"/>
    </row>
    <row r="5" spans="1:12" s="12" customFormat="1" ht="18.75" x14ac:dyDescent="0.25">
      <c r="A5" s="31"/>
      <c r="B5" s="31"/>
      <c r="C5" s="31"/>
      <c r="D5" s="31"/>
      <c r="E5" s="23"/>
      <c r="F5" s="23"/>
      <c r="G5" s="23"/>
      <c r="H5" s="23"/>
      <c r="I5" s="23"/>
    </row>
    <row r="6" spans="1:12" s="12" customFormat="1" ht="20.100000000000001" customHeight="1" x14ac:dyDescent="0.25">
      <c r="A6" s="228" t="s">
        <v>1</v>
      </c>
      <c r="B6" s="228"/>
      <c r="C6" s="229" t="str">
        <f>IF('Príloha č. 1'!$C$6="","",'Príloha č. 1'!$C$6)</f>
        <v/>
      </c>
      <c r="D6" s="229"/>
    </row>
    <row r="7" spans="1:12" s="12" customFormat="1" ht="20.100000000000001" customHeight="1" x14ac:dyDescent="0.25">
      <c r="A7" s="230" t="s">
        <v>2</v>
      </c>
      <c r="B7" s="230"/>
      <c r="C7" s="231" t="str">
        <f>IF('Príloha č. 1'!$C$7="","",'Príloha č. 1'!$C$7)</f>
        <v/>
      </c>
      <c r="D7" s="231"/>
    </row>
    <row r="8" spans="1:12" s="12" customFormat="1" ht="20.100000000000001" customHeight="1" x14ac:dyDescent="0.25">
      <c r="A8" s="230" t="s">
        <v>3</v>
      </c>
      <c r="B8" s="230"/>
      <c r="C8" s="231" t="str">
        <f>IF('Príloha č. 1'!$C$8="","",'Príloha č. 1'!$C$8)</f>
        <v/>
      </c>
      <c r="D8" s="231"/>
    </row>
    <row r="9" spans="1:12" s="12" customFormat="1" ht="20.100000000000001" customHeight="1" x14ac:dyDescent="0.25">
      <c r="A9" s="230" t="s">
        <v>4</v>
      </c>
      <c r="B9" s="230"/>
      <c r="C9" s="231" t="str">
        <f>IF('Príloha č. 1'!$C$9="","",'Príloha č. 1'!$C$9)</f>
        <v/>
      </c>
      <c r="D9" s="231"/>
    </row>
    <row r="10" spans="1:12" x14ac:dyDescent="0.25">
      <c r="A10" s="232"/>
      <c r="B10" s="232"/>
      <c r="C10" s="233"/>
      <c r="D10" s="232"/>
    </row>
    <row r="11" spans="1:12" ht="48" customHeight="1" x14ac:dyDescent="0.25">
      <c r="A11" s="234" t="s">
        <v>33</v>
      </c>
      <c r="B11" s="234"/>
      <c r="C11" s="234"/>
      <c r="D11" s="234"/>
    </row>
    <row r="12" spans="1:12" x14ac:dyDescent="0.25">
      <c r="A12" s="232"/>
      <c r="B12" s="232"/>
      <c r="C12" s="233"/>
      <c r="D12" s="232"/>
    </row>
    <row r="13" spans="1:12" x14ac:dyDescent="0.25">
      <c r="A13" s="232"/>
      <c r="B13" s="232"/>
      <c r="C13" s="232"/>
      <c r="D13" s="232"/>
    </row>
    <row r="14" spans="1:12" ht="20.100000000000001" customHeight="1" x14ac:dyDescent="0.25">
      <c r="A14" s="232" t="s">
        <v>9</v>
      </c>
      <c r="B14" s="235" t="str">
        <f>IF('Príloha č. 1'!B19:C19="","",'Príloha č. 1'!B19:C19)</f>
        <v/>
      </c>
      <c r="C14" s="235"/>
      <c r="D14" s="232"/>
    </row>
    <row r="15" spans="1:12" ht="20.100000000000001" customHeight="1" x14ac:dyDescent="0.25">
      <c r="A15" s="232" t="s">
        <v>10</v>
      </c>
      <c r="B15" s="236" t="str">
        <f>IF('Príloha č. 1'!B20:C20="","",'Príloha č. 1'!B20:C20)</f>
        <v/>
      </c>
      <c r="C15" s="236"/>
      <c r="D15" s="232"/>
    </row>
    <row r="16" spans="1:12" x14ac:dyDescent="0.25">
      <c r="A16" s="232"/>
      <c r="B16" s="232"/>
      <c r="C16" s="232"/>
      <c r="D16" s="232"/>
    </row>
    <row r="17" spans="1:9" x14ac:dyDescent="0.25">
      <c r="A17" s="232"/>
      <c r="B17" s="232"/>
      <c r="C17" s="232"/>
      <c r="D17" s="232"/>
    </row>
    <row r="18" spans="1:9" ht="20.100000000000001" customHeight="1" x14ac:dyDescent="0.25">
      <c r="A18" s="232"/>
      <c r="B18" s="232"/>
      <c r="C18" s="237" t="s">
        <v>28</v>
      </c>
      <c r="D18" s="114"/>
      <c r="I18" s="25"/>
    </row>
    <row r="19" spans="1:9" ht="20.100000000000001" customHeight="1" x14ac:dyDescent="0.25">
      <c r="A19" s="232"/>
      <c r="B19" s="232"/>
      <c r="C19" s="237" t="s">
        <v>29</v>
      </c>
      <c r="D19" s="238"/>
    </row>
    <row r="20" spans="1:9" x14ac:dyDescent="0.25">
      <c r="C20" s="32"/>
      <c r="D20" s="13"/>
    </row>
    <row r="21" spans="1:9" s="13" customFormat="1" x14ac:dyDescent="0.25">
      <c r="A21" s="188" t="s">
        <v>12</v>
      </c>
      <c r="B21" s="188"/>
      <c r="C21" s="239"/>
      <c r="E21" s="11"/>
    </row>
    <row r="22" spans="1:9" s="16" customFormat="1" ht="15" customHeight="1" x14ac:dyDescent="0.25">
      <c r="A22" s="84"/>
      <c r="B22" s="240" t="s">
        <v>14</v>
      </c>
      <c r="C22" s="240"/>
      <c r="D22" s="15"/>
      <c r="E22" s="11"/>
    </row>
    <row r="23" spans="1:9" s="20" customFormat="1" x14ac:dyDescent="0.25">
      <c r="A23" s="90"/>
      <c r="B23" s="91"/>
      <c r="C23" s="241"/>
      <c r="D23" s="18"/>
      <c r="E23" s="11"/>
      <c r="F23" s="19"/>
      <c r="G23" s="18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5-27T05:55:11Z</cp:lastPrinted>
  <dcterms:created xsi:type="dcterms:W3CDTF">2014-08-04T05:30:35Z</dcterms:created>
  <dcterms:modified xsi:type="dcterms:W3CDTF">2022-05-27T10:16:19Z</dcterms:modified>
</cp:coreProperties>
</file>